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heme/theme2.xml" ContentType="application/vnd.openxmlformats-officedocument.theme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>
  <p:sldMasterIdLst>
    <p:sldMasterId id="2147483914" r:id="rId18"/>
  </p:sldMasterIdLst>
  <p:notesMasterIdLst>
    <p:notesMasterId r:id="rId24"/>
  </p:notesMasterIdLst>
  <p:sldIdLst>
    <p:sldId id="2147482451" r:id="rId19"/>
    <p:sldId id="2147482449" r:id="rId20"/>
    <p:sldId id="2147482452" r:id="rId21"/>
    <p:sldId id="2147482456" r:id="rId22"/>
    <p:sldId id="2147482450" r:id="rId23"/>
  </p:sldIdLst>
  <p:sldSz cx="9144000" cy="5143500" type="screen16x9"/>
  <p:notesSz cx="6858000" cy="9144000"/>
  <p:defaultTextStyle>
    <a:defPPr>
      <a:defRPr lang="en-US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>
          <p15:clr>
            <a:srgbClr val="A4A3A4"/>
          </p15:clr>
        </p15:guide>
      </p15:sld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207D7910-AFBB-81F4-F78D-D1CB22DB25FB}" name="Szurley, Andrew" initials="SA" userId="S::andrew.szurley@philips.com::2a97ee8d-9f17-4a30-b925-492e83adfd1a" providerId="AD"/>
  <p188:author id="{BCD857D6-1095-ECB9-98FC-A23831D54D07}" name="Molly Millette" initials="MM" userId="Molly Millette" providerId="None"/>
  <p188:author id="{59FBEAEC-950D-838A-404F-595B59C2B3AE}" name="Baranyi, Katalin" initials="BK" userId="S::katalin.baranyi@philips.com::29601c16-b456-4b26-996e-60c2ac4db5c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DFDB"/>
    <a:srgbClr val="FFE050"/>
    <a:srgbClr val="FFED5E"/>
    <a:srgbClr val="02ABB1"/>
    <a:srgbClr val="00666F"/>
    <a:srgbClr val="FCFCC2"/>
    <a:srgbClr val="ADFFB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4660"/>
  </p:normalViewPr>
  <p:slideViewPr>
    <p:cSldViewPr snapToGrid="0">
      <p:cViewPr varScale="1">
        <p:scale>
          <a:sx n="112" d="100"/>
          <a:sy n="112" d="100"/>
        </p:scale>
        <p:origin x="80" y="472"/>
      </p:cViewPr>
      <p:guideLst>
        <p:guide orient="horz" pos="1620"/>
        <p:guide pos="2880"/>
      </p:guideLst>
    </p:cSldViewPr>
  </p:slid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14292"/>
    </p:cViewPr>
  </p:sorterViewPr>
  <p:gridSpacing cx="57150" cy="5715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1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3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2.xml"/><Relationship Id="rId29" Type="http://schemas.microsoft.com/office/2018/10/relationships/authors" Target="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533895C0-2991-1741-81AF-563E5518032A}" type="datetimeFigureOut">
              <a:rPr lang="en-US" smtClean="0"/>
              <a:pPr/>
              <a:t>5/22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Calibri" panose="020F05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Calibri" panose="020F0502020204030204" pitchFamily="34" charset="0"/>
              </a:defRPr>
            </a:lvl1pPr>
          </a:lstStyle>
          <a:p>
            <a:fld id="{9875E972-9F07-2B4C-A7FE-11ACC38BEE92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077478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52741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1954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1169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26076"/>
            <a:ext cx="6169658" cy="109728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8FA1B3DF-B7F7-A6FC-D2DA-37DFA813DC5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931887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 (with image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4CCA470A-EDFC-4267-5BD2-6E9CA92A0EAF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57586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coral (with image)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F303C8DA-7DAA-6B46-DF91-43499FB65FC4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85E6D23-6C1C-5E7E-859B-CBD6467DFDD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tx1">
                    <a:lumMod val="50000"/>
                    <a:lumOff val="50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31C264C-A8C8-C508-F1B9-3B467123058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47593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92F4B2C2-825D-08DB-6EEA-E698EE6DDB3F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DC43E1-3C41-8B31-8EB9-6D6F6848EA01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4E2843C6-8DAB-3466-178F-F71F32616C8B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16ECCFF-A929-6A5B-CB9E-1BBF7BFB286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E797AE0A-F0AD-C61C-B8A0-BB31D3BB35A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45087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C5660C-87D6-8991-CE76-9D054AAB9A5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4D63F8B-8A74-0E87-A158-F18F0F9C68A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CFD8FF5D-3680-130D-B55E-0BD741122D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Whit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78438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302E108-9147-4964-1570-DD151056425A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87ED613-E8BF-EF44-A246-98413FA79480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5F574A60-D183-D19F-88E6-EEE0C3D702F9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1B99D331-9587-B883-7DF3-0B9D6E5686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E7296B94-E425-EDA6-3EEF-41ED947C736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47069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1143315D-23FD-5730-9D7C-25427B45A26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blue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815749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B612692-DD73-95A3-A271-007D4B4C163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Light coral divider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408252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BD8C952-2371-12B5-E414-3D146114F64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8139929" cy="3484800"/>
          </a:xfrm>
        </p:spPr>
        <p:txBody>
          <a:bodyPr/>
          <a:lstStyle>
            <a:lvl1pPr defTabSz="182880">
              <a:defRPr/>
            </a:lvl1pPr>
            <a:lvl2pPr defTabSz="182880">
              <a:defRPr/>
            </a:lvl2pPr>
            <a:lvl3pPr defTabSz="182880">
              <a:defRPr/>
            </a:lvl3pPr>
            <a:lvl4pPr defTabSz="182880">
              <a:defRPr/>
            </a:lvl4pPr>
            <a:lvl5pPr defTabSz="182880"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80555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5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4815819" y="1211263"/>
            <a:ext cx="3823605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902686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tx2"/>
                </a:solidFill>
                <a:latin typeface="+mj-lt"/>
              </a:defRPr>
            </a:lvl1pPr>
          </a:lstStyle>
          <a:p>
            <a:r>
              <a:rPr lang="en-US" dirty="0"/>
              <a:t>Type your slide headline here</a:t>
            </a:r>
            <a:endParaRPr lang="en-US" noProof="0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Content Placeholder 4">
            <a:extLst>
              <a:ext uri="{FF2B5EF4-FFF2-40B4-BE49-F238E27FC236}">
                <a16:creationId xmlns:a16="http://schemas.microsoft.com/office/drawing/2014/main" id="{06D2A847-E349-A206-A15A-1B2AEBB7ECF3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C17E8B37-EA5A-538C-28EF-37D2BDF62747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3377487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B450D946-063C-E6F2-C532-BF5205DA3DE2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6254138" y="1211263"/>
            <a:ext cx="2383451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42651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whit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40607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42499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44391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5340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2" name="Graphic 3">
            <a:extLst>
              <a:ext uri="{FF2B5EF4-FFF2-40B4-BE49-F238E27FC236}">
                <a16:creationId xmlns:a16="http://schemas.microsoft.com/office/drawing/2014/main" id="{5D13E381-82CC-C9E1-035C-82858900B6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490644" y="516643"/>
            <a:ext cx="8162712" cy="1496596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007706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endParaRPr lang="en-US" noProof="0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A5163908-529D-4A49-892F-D37C4044DFD8}" type="slidenum">
              <a:rPr lang="en-US" noProof="0" smtClean="0"/>
              <a:pPr/>
              <a:t>‹#›</a:t>
            </a:fld>
            <a:endParaRPr lang="en-US" noProof="0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20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3254871" y="0"/>
            <a:ext cx="5889128" cy="5143500"/>
          </a:xfrm>
          <a:custGeom>
            <a:avLst/>
            <a:gdLst>
              <a:gd name="connsiteX0" fmla="*/ 5608154 w 5889128"/>
              <a:gd name="connsiteY0" fmla="*/ 4918488 h 5143500"/>
              <a:gd name="connsiteX1" fmla="*/ 5608161 w 5889128"/>
              <a:gd name="connsiteY1" fmla="*/ 4918496 h 5143500"/>
              <a:gd name="connsiteX2" fmla="*/ 5608154 w 5889128"/>
              <a:gd name="connsiteY2" fmla="*/ 4918507 h 5143500"/>
              <a:gd name="connsiteX3" fmla="*/ 5503289 w 5889128"/>
              <a:gd name="connsiteY3" fmla="*/ 4908488 h 5143500"/>
              <a:gd name="connsiteX4" fmla="*/ 5528554 w 5889128"/>
              <a:gd name="connsiteY4" fmla="*/ 4930911 h 5143500"/>
              <a:gd name="connsiteX5" fmla="*/ 5503289 w 5889128"/>
              <a:gd name="connsiteY5" fmla="*/ 4955720 h 5143500"/>
              <a:gd name="connsiteX6" fmla="*/ 5497566 w 5889128"/>
              <a:gd name="connsiteY6" fmla="*/ 4955720 h 5143500"/>
              <a:gd name="connsiteX7" fmla="*/ 5497566 w 5889128"/>
              <a:gd name="connsiteY7" fmla="*/ 4908607 h 5143500"/>
              <a:gd name="connsiteX8" fmla="*/ 5503289 w 5889128"/>
              <a:gd name="connsiteY8" fmla="*/ 4908488 h 5143500"/>
              <a:gd name="connsiteX9" fmla="*/ 5055698 w 5889128"/>
              <a:gd name="connsiteY9" fmla="*/ 4908488 h 5143500"/>
              <a:gd name="connsiteX10" fmla="*/ 5080964 w 5889128"/>
              <a:gd name="connsiteY10" fmla="*/ 4930911 h 5143500"/>
              <a:gd name="connsiteX11" fmla="*/ 5055698 w 5889128"/>
              <a:gd name="connsiteY11" fmla="*/ 4955720 h 5143500"/>
              <a:gd name="connsiteX12" fmla="*/ 5049976 w 5889128"/>
              <a:gd name="connsiteY12" fmla="*/ 4955720 h 5143500"/>
              <a:gd name="connsiteX13" fmla="*/ 5049976 w 5889128"/>
              <a:gd name="connsiteY13" fmla="*/ 4908607 h 5143500"/>
              <a:gd name="connsiteX14" fmla="*/ 5055698 w 5889128"/>
              <a:gd name="connsiteY14" fmla="*/ 4908488 h 5143500"/>
              <a:gd name="connsiteX15" fmla="*/ 5401759 w 5889128"/>
              <a:gd name="connsiteY15" fmla="*/ 4889411 h 5143500"/>
              <a:gd name="connsiteX16" fmla="*/ 5401759 w 5889128"/>
              <a:gd name="connsiteY16" fmla="*/ 5003417 h 5143500"/>
              <a:gd name="connsiteX17" fmla="*/ 5436559 w 5889128"/>
              <a:gd name="connsiteY17" fmla="*/ 5003417 h 5143500"/>
              <a:gd name="connsiteX18" fmla="*/ 5436559 w 5889128"/>
              <a:gd name="connsiteY18" fmla="*/ 4889411 h 5143500"/>
              <a:gd name="connsiteX19" fmla="*/ 5321199 w 5889128"/>
              <a:gd name="connsiteY19" fmla="*/ 4889411 h 5143500"/>
              <a:gd name="connsiteX20" fmla="*/ 5321199 w 5889128"/>
              <a:gd name="connsiteY20" fmla="*/ 5003417 h 5143500"/>
              <a:gd name="connsiteX21" fmla="*/ 5384117 w 5889128"/>
              <a:gd name="connsiteY21" fmla="*/ 5003417 h 5143500"/>
              <a:gd name="connsiteX22" fmla="*/ 5389364 w 5889128"/>
              <a:gd name="connsiteY22" fmla="*/ 4980519 h 5143500"/>
              <a:gd name="connsiteX23" fmla="*/ 5355999 w 5889128"/>
              <a:gd name="connsiteY23" fmla="*/ 4980519 h 5143500"/>
              <a:gd name="connsiteX24" fmla="*/ 5355999 w 5889128"/>
              <a:gd name="connsiteY24" fmla="*/ 4889411 h 5143500"/>
              <a:gd name="connsiteX25" fmla="*/ 5260667 w 5889128"/>
              <a:gd name="connsiteY25" fmla="*/ 4889411 h 5143500"/>
              <a:gd name="connsiteX26" fmla="*/ 5260667 w 5889128"/>
              <a:gd name="connsiteY26" fmla="*/ 5003417 h 5143500"/>
              <a:gd name="connsiteX27" fmla="*/ 5295467 w 5889128"/>
              <a:gd name="connsiteY27" fmla="*/ 5003417 h 5143500"/>
              <a:gd name="connsiteX28" fmla="*/ 5295467 w 5889128"/>
              <a:gd name="connsiteY28" fmla="*/ 4889411 h 5143500"/>
              <a:gd name="connsiteX29" fmla="*/ 5129101 w 5889128"/>
              <a:gd name="connsiteY29" fmla="*/ 4889411 h 5143500"/>
              <a:gd name="connsiteX30" fmla="*/ 5129101 w 5889128"/>
              <a:gd name="connsiteY30" fmla="*/ 5003417 h 5143500"/>
              <a:gd name="connsiteX31" fmla="*/ 5163900 w 5889128"/>
              <a:gd name="connsiteY31" fmla="*/ 5003417 h 5143500"/>
              <a:gd name="connsiteX32" fmla="*/ 5163900 w 5889128"/>
              <a:gd name="connsiteY32" fmla="*/ 4958581 h 5143500"/>
              <a:gd name="connsiteX33" fmla="*/ 5200126 w 5889128"/>
              <a:gd name="connsiteY33" fmla="*/ 4958581 h 5143500"/>
              <a:gd name="connsiteX34" fmla="*/ 5200126 w 5889128"/>
              <a:gd name="connsiteY34" fmla="*/ 5003417 h 5143500"/>
              <a:gd name="connsiteX35" fmla="*/ 5234926 w 5889128"/>
              <a:gd name="connsiteY35" fmla="*/ 5003417 h 5143500"/>
              <a:gd name="connsiteX36" fmla="*/ 5234926 w 5889128"/>
              <a:gd name="connsiteY36" fmla="*/ 4889411 h 5143500"/>
              <a:gd name="connsiteX37" fmla="*/ 5200126 w 5889128"/>
              <a:gd name="connsiteY37" fmla="*/ 4889411 h 5143500"/>
              <a:gd name="connsiteX38" fmla="*/ 5200126 w 5889128"/>
              <a:gd name="connsiteY38" fmla="*/ 4934732 h 5143500"/>
              <a:gd name="connsiteX39" fmla="*/ 5163900 w 5889128"/>
              <a:gd name="connsiteY39" fmla="*/ 4934732 h 5143500"/>
              <a:gd name="connsiteX40" fmla="*/ 5163900 w 5889128"/>
              <a:gd name="connsiteY40" fmla="*/ 4889411 h 5143500"/>
              <a:gd name="connsiteX41" fmla="*/ 5505190 w 5889128"/>
              <a:gd name="connsiteY41" fmla="*/ 4887025 h 5143500"/>
              <a:gd name="connsiteX42" fmla="*/ 5462766 w 5889128"/>
              <a:gd name="connsiteY42" fmla="*/ 4889411 h 5143500"/>
              <a:gd name="connsiteX43" fmla="*/ 5462766 w 5889128"/>
              <a:gd name="connsiteY43" fmla="*/ 5003417 h 5143500"/>
              <a:gd name="connsiteX44" fmla="*/ 5497566 w 5889128"/>
              <a:gd name="connsiteY44" fmla="*/ 5003417 h 5143500"/>
              <a:gd name="connsiteX45" fmla="*/ 5497566 w 5889128"/>
              <a:gd name="connsiteY45" fmla="*/ 4976223 h 5143500"/>
              <a:gd name="connsiteX46" fmla="*/ 5509962 w 5889128"/>
              <a:gd name="connsiteY46" fmla="*/ 4976223 h 5143500"/>
              <a:gd name="connsiteX47" fmla="*/ 5509962 w 5889128"/>
              <a:gd name="connsiteY47" fmla="*/ 4976232 h 5143500"/>
              <a:gd name="connsiteX48" fmla="*/ 5562870 w 5889128"/>
              <a:gd name="connsiteY48" fmla="*/ 4930436 h 5143500"/>
              <a:gd name="connsiteX49" fmla="*/ 5505190 w 5889128"/>
              <a:gd name="connsiteY49" fmla="*/ 4887025 h 5143500"/>
              <a:gd name="connsiteX50" fmla="*/ 5057609 w 5889128"/>
              <a:gd name="connsiteY50" fmla="*/ 4887025 h 5143500"/>
              <a:gd name="connsiteX51" fmla="*/ 5015185 w 5889128"/>
              <a:gd name="connsiteY51" fmla="*/ 4889411 h 5143500"/>
              <a:gd name="connsiteX52" fmla="*/ 5015185 w 5889128"/>
              <a:gd name="connsiteY52" fmla="*/ 5003417 h 5143500"/>
              <a:gd name="connsiteX53" fmla="*/ 5049985 w 5889128"/>
              <a:gd name="connsiteY53" fmla="*/ 5003417 h 5143500"/>
              <a:gd name="connsiteX54" fmla="*/ 5049985 w 5889128"/>
              <a:gd name="connsiteY54" fmla="*/ 4976223 h 5143500"/>
              <a:gd name="connsiteX55" fmla="*/ 5062380 w 5889128"/>
              <a:gd name="connsiteY55" fmla="*/ 4976223 h 5143500"/>
              <a:gd name="connsiteX56" fmla="*/ 5062371 w 5889128"/>
              <a:gd name="connsiteY56" fmla="*/ 4976232 h 5143500"/>
              <a:gd name="connsiteX57" fmla="*/ 5115279 w 5889128"/>
              <a:gd name="connsiteY57" fmla="*/ 4930436 h 5143500"/>
              <a:gd name="connsiteX58" fmla="*/ 5057609 w 5889128"/>
              <a:gd name="connsiteY58" fmla="*/ 4887025 h 5143500"/>
              <a:gd name="connsiteX59" fmla="*/ 5620541 w 5889128"/>
              <a:gd name="connsiteY59" fmla="*/ 4887016 h 5143500"/>
              <a:gd name="connsiteX60" fmla="*/ 5573355 w 5889128"/>
              <a:gd name="connsiteY60" fmla="*/ 4921359 h 5143500"/>
              <a:gd name="connsiteX61" fmla="*/ 5627698 w 5889128"/>
              <a:gd name="connsiteY61" fmla="*/ 4971927 h 5143500"/>
              <a:gd name="connsiteX62" fmla="*/ 5609590 w 5889128"/>
              <a:gd name="connsiteY62" fmla="*/ 4982896 h 5143500"/>
              <a:gd name="connsiteX63" fmla="*/ 5570027 w 5889128"/>
              <a:gd name="connsiteY63" fmla="*/ 4973828 h 5143500"/>
              <a:gd name="connsiteX64" fmla="*/ 5573839 w 5889128"/>
              <a:gd name="connsiteY64" fmla="*/ 5000063 h 5143500"/>
              <a:gd name="connsiteX65" fmla="*/ 5610065 w 5889128"/>
              <a:gd name="connsiteY65" fmla="*/ 5005785 h 5143500"/>
              <a:gd name="connsiteX66" fmla="*/ 5662973 w 5889128"/>
              <a:gd name="connsiteY66" fmla="*/ 4967621 h 5143500"/>
              <a:gd name="connsiteX67" fmla="*/ 5616720 w 5889128"/>
              <a:gd name="connsiteY67" fmla="*/ 4928446 h 5143500"/>
              <a:gd name="connsiteX68" fmla="*/ 5608161 w 5889128"/>
              <a:gd name="connsiteY68" fmla="*/ 4918496 h 5143500"/>
              <a:gd name="connsiteX69" fmla="*/ 5612504 w 5889128"/>
              <a:gd name="connsiteY69" fmla="*/ 4911649 h 5143500"/>
              <a:gd name="connsiteX70" fmla="*/ 5624362 w 5889128"/>
              <a:gd name="connsiteY70" fmla="*/ 4909439 h 5143500"/>
              <a:gd name="connsiteX71" fmla="*/ 5655340 w 5889128"/>
              <a:gd name="connsiteY71" fmla="*/ 4915161 h 5143500"/>
              <a:gd name="connsiteX72" fmla="*/ 5652479 w 5889128"/>
              <a:gd name="connsiteY72" fmla="*/ 4890352 h 5143500"/>
              <a:gd name="connsiteX73" fmla="*/ 5620541 w 5889128"/>
              <a:gd name="connsiteY73" fmla="*/ 4887016 h 5143500"/>
              <a:gd name="connsiteX74" fmla="*/ 0 w 5889128"/>
              <a:gd name="connsiteY74" fmla="*/ 0 h 5143500"/>
              <a:gd name="connsiteX75" fmla="*/ 5889128 w 5889128"/>
              <a:gd name="connsiteY75" fmla="*/ 0 h 5143500"/>
              <a:gd name="connsiteX76" fmla="*/ 5889128 w 5889128"/>
              <a:gd name="connsiteY76" fmla="*/ 5143500 h 5143500"/>
              <a:gd name="connsiteX77" fmla="*/ 0 w 5889128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5889128" h="5143500">
                <a:moveTo>
                  <a:pt x="5608154" y="4918488"/>
                </a:moveTo>
                <a:lnTo>
                  <a:pt x="5608161" y="4918496"/>
                </a:lnTo>
                <a:lnTo>
                  <a:pt x="5608154" y="4918507"/>
                </a:lnTo>
                <a:close/>
                <a:moveTo>
                  <a:pt x="5503289" y="4908488"/>
                </a:moveTo>
                <a:cubicBezTo>
                  <a:pt x="5520446" y="4908488"/>
                  <a:pt x="5528554" y="4916596"/>
                  <a:pt x="5528554" y="4930911"/>
                </a:cubicBezTo>
                <a:cubicBezTo>
                  <a:pt x="5528554" y="4945701"/>
                  <a:pt x="5521406" y="4955720"/>
                  <a:pt x="5503289" y="4955720"/>
                </a:cubicBezTo>
                <a:lnTo>
                  <a:pt x="5497566" y="4955720"/>
                </a:lnTo>
                <a:lnTo>
                  <a:pt x="5497566" y="4908607"/>
                </a:lnTo>
                <a:cubicBezTo>
                  <a:pt x="5499586" y="4908488"/>
                  <a:pt x="5501497" y="4908488"/>
                  <a:pt x="5503289" y="4908488"/>
                </a:cubicBezTo>
                <a:close/>
                <a:moveTo>
                  <a:pt x="5055698" y="4908488"/>
                </a:moveTo>
                <a:cubicBezTo>
                  <a:pt x="5072856" y="4908488"/>
                  <a:pt x="5080964" y="4916596"/>
                  <a:pt x="5080964" y="4930911"/>
                </a:cubicBezTo>
                <a:cubicBezTo>
                  <a:pt x="5080964" y="4945701"/>
                  <a:pt x="5073816" y="4955720"/>
                  <a:pt x="5055698" y="4955720"/>
                </a:cubicBezTo>
                <a:lnTo>
                  <a:pt x="5049976" y="4955720"/>
                </a:lnTo>
                <a:lnTo>
                  <a:pt x="5049976" y="4908607"/>
                </a:lnTo>
                <a:cubicBezTo>
                  <a:pt x="5052005" y="4908488"/>
                  <a:pt x="5053906" y="4908488"/>
                  <a:pt x="5055698" y="4908488"/>
                </a:cubicBezTo>
                <a:close/>
                <a:moveTo>
                  <a:pt x="5401759" y="4889411"/>
                </a:moveTo>
                <a:lnTo>
                  <a:pt x="5401759" y="5003417"/>
                </a:lnTo>
                <a:lnTo>
                  <a:pt x="5436559" y="5003417"/>
                </a:lnTo>
                <a:lnTo>
                  <a:pt x="5436559" y="4889411"/>
                </a:lnTo>
                <a:close/>
                <a:moveTo>
                  <a:pt x="5321199" y="4889411"/>
                </a:moveTo>
                <a:lnTo>
                  <a:pt x="5321199" y="5003417"/>
                </a:lnTo>
                <a:lnTo>
                  <a:pt x="5384117" y="5003417"/>
                </a:lnTo>
                <a:lnTo>
                  <a:pt x="5389364" y="4980519"/>
                </a:lnTo>
                <a:lnTo>
                  <a:pt x="5355999" y="4980519"/>
                </a:lnTo>
                <a:lnTo>
                  <a:pt x="5355999" y="4889411"/>
                </a:lnTo>
                <a:close/>
                <a:moveTo>
                  <a:pt x="5260667" y="4889411"/>
                </a:moveTo>
                <a:lnTo>
                  <a:pt x="5260667" y="5003417"/>
                </a:lnTo>
                <a:lnTo>
                  <a:pt x="5295467" y="5003417"/>
                </a:lnTo>
                <a:lnTo>
                  <a:pt x="5295467" y="4889411"/>
                </a:lnTo>
                <a:close/>
                <a:moveTo>
                  <a:pt x="5129101" y="4889411"/>
                </a:moveTo>
                <a:lnTo>
                  <a:pt x="5129101" y="5003417"/>
                </a:lnTo>
                <a:lnTo>
                  <a:pt x="5163900" y="5003417"/>
                </a:lnTo>
                <a:lnTo>
                  <a:pt x="5163900" y="4958581"/>
                </a:lnTo>
                <a:lnTo>
                  <a:pt x="5200126" y="4958581"/>
                </a:lnTo>
                <a:lnTo>
                  <a:pt x="5200126" y="5003417"/>
                </a:lnTo>
                <a:lnTo>
                  <a:pt x="5234926" y="5003417"/>
                </a:lnTo>
                <a:lnTo>
                  <a:pt x="5234926" y="4889411"/>
                </a:lnTo>
                <a:lnTo>
                  <a:pt x="5200126" y="4889411"/>
                </a:lnTo>
                <a:lnTo>
                  <a:pt x="5200126" y="4934732"/>
                </a:lnTo>
                <a:lnTo>
                  <a:pt x="5163900" y="4934732"/>
                </a:lnTo>
                <a:lnTo>
                  <a:pt x="5163900" y="4889411"/>
                </a:lnTo>
                <a:close/>
                <a:moveTo>
                  <a:pt x="5505190" y="4887025"/>
                </a:moveTo>
                <a:cubicBezTo>
                  <a:pt x="5491369" y="4887025"/>
                  <a:pt x="5474686" y="4887976"/>
                  <a:pt x="5462766" y="4889411"/>
                </a:cubicBezTo>
                <a:lnTo>
                  <a:pt x="5462766" y="5003417"/>
                </a:lnTo>
                <a:lnTo>
                  <a:pt x="5497566" y="5003417"/>
                </a:lnTo>
                <a:lnTo>
                  <a:pt x="5497566" y="4976223"/>
                </a:lnTo>
                <a:lnTo>
                  <a:pt x="5509962" y="4976223"/>
                </a:lnTo>
                <a:lnTo>
                  <a:pt x="5509962" y="4976232"/>
                </a:lnTo>
                <a:cubicBezTo>
                  <a:pt x="5542376" y="4976232"/>
                  <a:pt x="5562870" y="4959541"/>
                  <a:pt x="5562870" y="4930436"/>
                </a:cubicBezTo>
                <a:cubicBezTo>
                  <a:pt x="5562870" y="4898479"/>
                  <a:pt x="5540940" y="4887025"/>
                  <a:pt x="5505190" y="4887025"/>
                </a:cubicBezTo>
                <a:close/>
                <a:moveTo>
                  <a:pt x="5057609" y="4887025"/>
                </a:moveTo>
                <a:cubicBezTo>
                  <a:pt x="5043787" y="4887025"/>
                  <a:pt x="5027105" y="4887976"/>
                  <a:pt x="5015185" y="4889411"/>
                </a:cubicBezTo>
                <a:lnTo>
                  <a:pt x="5015185" y="5003417"/>
                </a:lnTo>
                <a:lnTo>
                  <a:pt x="5049985" y="5003417"/>
                </a:lnTo>
                <a:lnTo>
                  <a:pt x="5049985" y="4976223"/>
                </a:lnTo>
                <a:lnTo>
                  <a:pt x="5062380" y="4976223"/>
                </a:lnTo>
                <a:lnTo>
                  <a:pt x="5062371" y="4976232"/>
                </a:lnTo>
                <a:cubicBezTo>
                  <a:pt x="5094785" y="4976232"/>
                  <a:pt x="5115279" y="4959541"/>
                  <a:pt x="5115279" y="4930436"/>
                </a:cubicBezTo>
                <a:cubicBezTo>
                  <a:pt x="5115288" y="4898470"/>
                  <a:pt x="5093359" y="4887025"/>
                  <a:pt x="5057609" y="4887025"/>
                </a:cubicBezTo>
                <a:close/>
                <a:moveTo>
                  <a:pt x="5620541" y="4887016"/>
                </a:moveTo>
                <a:cubicBezTo>
                  <a:pt x="5592414" y="4887016"/>
                  <a:pt x="5573355" y="4898104"/>
                  <a:pt x="5573355" y="4921359"/>
                </a:cubicBezTo>
                <a:cubicBezTo>
                  <a:pt x="5573355" y="4961433"/>
                  <a:pt x="5627698" y="4953325"/>
                  <a:pt x="5627698" y="4971927"/>
                </a:cubicBezTo>
                <a:cubicBezTo>
                  <a:pt x="5627698" y="4979084"/>
                  <a:pt x="5622451" y="4982896"/>
                  <a:pt x="5609590" y="4982896"/>
                </a:cubicBezTo>
                <a:cubicBezTo>
                  <a:pt x="5598145" y="4982896"/>
                  <a:pt x="5580512" y="4979084"/>
                  <a:pt x="5570027" y="4973828"/>
                </a:cubicBezTo>
                <a:lnTo>
                  <a:pt x="5573839" y="5000063"/>
                </a:lnTo>
                <a:cubicBezTo>
                  <a:pt x="5584324" y="5003884"/>
                  <a:pt x="5598630" y="5005785"/>
                  <a:pt x="5610065" y="5005785"/>
                </a:cubicBezTo>
                <a:cubicBezTo>
                  <a:pt x="5639143" y="5005785"/>
                  <a:pt x="5662973" y="4996242"/>
                  <a:pt x="5662973" y="4967621"/>
                </a:cubicBezTo>
                <a:cubicBezTo>
                  <a:pt x="5662973" y="4938999"/>
                  <a:pt x="5632137" y="4935869"/>
                  <a:pt x="5616720" y="4928446"/>
                </a:cubicBezTo>
                <a:lnTo>
                  <a:pt x="5608161" y="4918496"/>
                </a:lnTo>
                <a:lnTo>
                  <a:pt x="5612504" y="4911649"/>
                </a:lnTo>
                <a:cubicBezTo>
                  <a:pt x="5615305" y="4910157"/>
                  <a:pt x="5619357" y="4909439"/>
                  <a:pt x="5624362" y="4909439"/>
                </a:cubicBezTo>
                <a:cubicBezTo>
                  <a:pt x="5635322" y="4909439"/>
                  <a:pt x="5647242" y="4911825"/>
                  <a:pt x="5655340" y="4915161"/>
                </a:cubicBezTo>
                <a:lnTo>
                  <a:pt x="5652479" y="4890352"/>
                </a:lnTo>
                <a:cubicBezTo>
                  <a:pt x="5643421" y="4888442"/>
                  <a:pt x="5635322" y="4887016"/>
                  <a:pt x="5620541" y="4887016"/>
                </a:cubicBezTo>
                <a:close/>
                <a:moveTo>
                  <a:pt x="0" y="0"/>
                </a:moveTo>
                <a:lnTo>
                  <a:pt x="5889128" y="0"/>
                </a:lnTo>
                <a:lnTo>
                  <a:pt x="5889128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3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0836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59367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small - imag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D63CC75-E9EE-9F64-4EB9-B38BE004E4F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5889128" cy="5143500"/>
          </a:xfrm>
          <a:prstGeom prst="rect">
            <a:avLst/>
          </a:pr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29F51A93-47BF-3E4F-8F7A-57ED443F020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60149" y="376240"/>
            <a:ext cx="2377440" cy="827999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 noProof="0" dirty="0"/>
              <a:t>Type your slide headline</a:t>
            </a:r>
          </a:p>
        </p:txBody>
      </p:sp>
      <p:sp>
        <p:nvSpPr>
          <p:cNvPr id="10" name="Content Placeholder 4">
            <a:extLst>
              <a:ext uri="{FF2B5EF4-FFF2-40B4-BE49-F238E27FC236}">
                <a16:creationId xmlns:a16="http://schemas.microsoft.com/office/drawing/2014/main" id="{989BD445-68F6-BB3B-749F-59CF6D8F33C7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258065" y="1211263"/>
            <a:ext cx="2377440" cy="34848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974673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bleed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5563654-036F-6829-E30C-B4D3CB5DDED8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0" y="0"/>
            <a:ext cx="9143999" cy="5143500"/>
          </a:xfrm>
          <a:custGeom>
            <a:avLst/>
            <a:gdLst>
              <a:gd name="connsiteX0" fmla="*/ 8863025 w 9143999"/>
              <a:gd name="connsiteY0" fmla="*/ 4918488 h 5143500"/>
              <a:gd name="connsiteX1" fmla="*/ 8863036 w 9143999"/>
              <a:gd name="connsiteY1" fmla="*/ 4918501 h 5143500"/>
              <a:gd name="connsiteX2" fmla="*/ 8863025 w 9143999"/>
              <a:gd name="connsiteY2" fmla="*/ 4918507 h 5143500"/>
              <a:gd name="connsiteX3" fmla="*/ 8758160 w 9143999"/>
              <a:gd name="connsiteY3" fmla="*/ 4908488 h 5143500"/>
              <a:gd name="connsiteX4" fmla="*/ 8783425 w 9143999"/>
              <a:gd name="connsiteY4" fmla="*/ 4930911 h 5143500"/>
              <a:gd name="connsiteX5" fmla="*/ 8758160 w 9143999"/>
              <a:gd name="connsiteY5" fmla="*/ 4955720 h 5143500"/>
              <a:gd name="connsiteX6" fmla="*/ 8752437 w 9143999"/>
              <a:gd name="connsiteY6" fmla="*/ 4955720 h 5143500"/>
              <a:gd name="connsiteX7" fmla="*/ 8752437 w 9143999"/>
              <a:gd name="connsiteY7" fmla="*/ 4908607 h 5143500"/>
              <a:gd name="connsiteX8" fmla="*/ 8758160 w 9143999"/>
              <a:gd name="connsiteY8" fmla="*/ 4908488 h 5143500"/>
              <a:gd name="connsiteX9" fmla="*/ 8310569 w 9143999"/>
              <a:gd name="connsiteY9" fmla="*/ 4908488 h 5143500"/>
              <a:gd name="connsiteX10" fmla="*/ 8335835 w 9143999"/>
              <a:gd name="connsiteY10" fmla="*/ 4930911 h 5143500"/>
              <a:gd name="connsiteX11" fmla="*/ 8310569 w 9143999"/>
              <a:gd name="connsiteY11" fmla="*/ 4955720 h 5143500"/>
              <a:gd name="connsiteX12" fmla="*/ 8304847 w 9143999"/>
              <a:gd name="connsiteY12" fmla="*/ 4955720 h 5143500"/>
              <a:gd name="connsiteX13" fmla="*/ 8304847 w 9143999"/>
              <a:gd name="connsiteY13" fmla="*/ 4908607 h 5143500"/>
              <a:gd name="connsiteX14" fmla="*/ 8310569 w 9143999"/>
              <a:gd name="connsiteY14" fmla="*/ 4908488 h 5143500"/>
              <a:gd name="connsiteX15" fmla="*/ 8656630 w 9143999"/>
              <a:gd name="connsiteY15" fmla="*/ 4889411 h 5143500"/>
              <a:gd name="connsiteX16" fmla="*/ 8656630 w 9143999"/>
              <a:gd name="connsiteY16" fmla="*/ 5003417 h 5143500"/>
              <a:gd name="connsiteX17" fmla="*/ 8691430 w 9143999"/>
              <a:gd name="connsiteY17" fmla="*/ 5003417 h 5143500"/>
              <a:gd name="connsiteX18" fmla="*/ 8691430 w 9143999"/>
              <a:gd name="connsiteY18" fmla="*/ 4889411 h 5143500"/>
              <a:gd name="connsiteX19" fmla="*/ 8576070 w 9143999"/>
              <a:gd name="connsiteY19" fmla="*/ 4889411 h 5143500"/>
              <a:gd name="connsiteX20" fmla="*/ 8576070 w 9143999"/>
              <a:gd name="connsiteY20" fmla="*/ 5003417 h 5143500"/>
              <a:gd name="connsiteX21" fmla="*/ 8638988 w 9143999"/>
              <a:gd name="connsiteY21" fmla="*/ 5003417 h 5143500"/>
              <a:gd name="connsiteX22" fmla="*/ 8644235 w 9143999"/>
              <a:gd name="connsiteY22" fmla="*/ 4980519 h 5143500"/>
              <a:gd name="connsiteX23" fmla="*/ 8610870 w 9143999"/>
              <a:gd name="connsiteY23" fmla="*/ 4980519 h 5143500"/>
              <a:gd name="connsiteX24" fmla="*/ 8610870 w 9143999"/>
              <a:gd name="connsiteY24" fmla="*/ 4889411 h 5143500"/>
              <a:gd name="connsiteX25" fmla="*/ 8515538 w 9143999"/>
              <a:gd name="connsiteY25" fmla="*/ 4889411 h 5143500"/>
              <a:gd name="connsiteX26" fmla="*/ 8515538 w 9143999"/>
              <a:gd name="connsiteY26" fmla="*/ 5003417 h 5143500"/>
              <a:gd name="connsiteX27" fmla="*/ 8550338 w 9143999"/>
              <a:gd name="connsiteY27" fmla="*/ 5003417 h 5143500"/>
              <a:gd name="connsiteX28" fmla="*/ 8550338 w 9143999"/>
              <a:gd name="connsiteY28" fmla="*/ 4889411 h 5143500"/>
              <a:gd name="connsiteX29" fmla="*/ 8383972 w 9143999"/>
              <a:gd name="connsiteY29" fmla="*/ 4889411 h 5143500"/>
              <a:gd name="connsiteX30" fmla="*/ 8383972 w 9143999"/>
              <a:gd name="connsiteY30" fmla="*/ 5003417 h 5143500"/>
              <a:gd name="connsiteX31" fmla="*/ 8418771 w 9143999"/>
              <a:gd name="connsiteY31" fmla="*/ 5003417 h 5143500"/>
              <a:gd name="connsiteX32" fmla="*/ 8418771 w 9143999"/>
              <a:gd name="connsiteY32" fmla="*/ 4958581 h 5143500"/>
              <a:gd name="connsiteX33" fmla="*/ 8454997 w 9143999"/>
              <a:gd name="connsiteY33" fmla="*/ 4958581 h 5143500"/>
              <a:gd name="connsiteX34" fmla="*/ 8454997 w 9143999"/>
              <a:gd name="connsiteY34" fmla="*/ 5003417 h 5143500"/>
              <a:gd name="connsiteX35" fmla="*/ 8489797 w 9143999"/>
              <a:gd name="connsiteY35" fmla="*/ 5003417 h 5143500"/>
              <a:gd name="connsiteX36" fmla="*/ 8489797 w 9143999"/>
              <a:gd name="connsiteY36" fmla="*/ 4889411 h 5143500"/>
              <a:gd name="connsiteX37" fmla="*/ 8454997 w 9143999"/>
              <a:gd name="connsiteY37" fmla="*/ 4889411 h 5143500"/>
              <a:gd name="connsiteX38" fmla="*/ 8454997 w 9143999"/>
              <a:gd name="connsiteY38" fmla="*/ 4934732 h 5143500"/>
              <a:gd name="connsiteX39" fmla="*/ 8418771 w 9143999"/>
              <a:gd name="connsiteY39" fmla="*/ 4934732 h 5143500"/>
              <a:gd name="connsiteX40" fmla="*/ 8418771 w 9143999"/>
              <a:gd name="connsiteY40" fmla="*/ 4889411 h 5143500"/>
              <a:gd name="connsiteX41" fmla="*/ 8760061 w 9143999"/>
              <a:gd name="connsiteY41" fmla="*/ 4887025 h 5143500"/>
              <a:gd name="connsiteX42" fmla="*/ 8717637 w 9143999"/>
              <a:gd name="connsiteY42" fmla="*/ 4889411 h 5143500"/>
              <a:gd name="connsiteX43" fmla="*/ 8717637 w 9143999"/>
              <a:gd name="connsiteY43" fmla="*/ 5003417 h 5143500"/>
              <a:gd name="connsiteX44" fmla="*/ 8752437 w 9143999"/>
              <a:gd name="connsiteY44" fmla="*/ 5003417 h 5143500"/>
              <a:gd name="connsiteX45" fmla="*/ 8752437 w 9143999"/>
              <a:gd name="connsiteY45" fmla="*/ 4976223 h 5143500"/>
              <a:gd name="connsiteX46" fmla="*/ 8764833 w 9143999"/>
              <a:gd name="connsiteY46" fmla="*/ 4976223 h 5143500"/>
              <a:gd name="connsiteX47" fmla="*/ 8764833 w 9143999"/>
              <a:gd name="connsiteY47" fmla="*/ 4976232 h 5143500"/>
              <a:gd name="connsiteX48" fmla="*/ 8817741 w 9143999"/>
              <a:gd name="connsiteY48" fmla="*/ 4930436 h 5143500"/>
              <a:gd name="connsiteX49" fmla="*/ 8760061 w 9143999"/>
              <a:gd name="connsiteY49" fmla="*/ 4887025 h 5143500"/>
              <a:gd name="connsiteX50" fmla="*/ 8312480 w 9143999"/>
              <a:gd name="connsiteY50" fmla="*/ 4887025 h 5143500"/>
              <a:gd name="connsiteX51" fmla="*/ 8270056 w 9143999"/>
              <a:gd name="connsiteY51" fmla="*/ 4889411 h 5143500"/>
              <a:gd name="connsiteX52" fmla="*/ 8270056 w 9143999"/>
              <a:gd name="connsiteY52" fmla="*/ 5003417 h 5143500"/>
              <a:gd name="connsiteX53" fmla="*/ 8304856 w 9143999"/>
              <a:gd name="connsiteY53" fmla="*/ 5003417 h 5143500"/>
              <a:gd name="connsiteX54" fmla="*/ 8304856 w 9143999"/>
              <a:gd name="connsiteY54" fmla="*/ 4976223 h 5143500"/>
              <a:gd name="connsiteX55" fmla="*/ 8317251 w 9143999"/>
              <a:gd name="connsiteY55" fmla="*/ 4976223 h 5143500"/>
              <a:gd name="connsiteX56" fmla="*/ 8317242 w 9143999"/>
              <a:gd name="connsiteY56" fmla="*/ 4976232 h 5143500"/>
              <a:gd name="connsiteX57" fmla="*/ 8370150 w 9143999"/>
              <a:gd name="connsiteY57" fmla="*/ 4930436 h 5143500"/>
              <a:gd name="connsiteX58" fmla="*/ 8312480 w 9143999"/>
              <a:gd name="connsiteY58" fmla="*/ 4887025 h 5143500"/>
              <a:gd name="connsiteX59" fmla="*/ 8875412 w 9143999"/>
              <a:gd name="connsiteY59" fmla="*/ 4887016 h 5143500"/>
              <a:gd name="connsiteX60" fmla="*/ 8828226 w 9143999"/>
              <a:gd name="connsiteY60" fmla="*/ 4921359 h 5143500"/>
              <a:gd name="connsiteX61" fmla="*/ 8882569 w 9143999"/>
              <a:gd name="connsiteY61" fmla="*/ 4971927 h 5143500"/>
              <a:gd name="connsiteX62" fmla="*/ 8864461 w 9143999"/>
              <a:gd name="connsiteY62" fmla="*/ 4982896 h 5143500"/>
              <a:gd name="connsiteX63" fmla="*/ 8824898 w 9143999"/>
              <a:gd name="connsiteY63" fmla="*/ 4973828 h 5143500"/>
              <a:gd name="connsiteX64" fmla="*/ 8828710 w 9143999"/>
              <a:gd name="connsiteY64" fmla="*/ 5000063 h 5143500"/>
              <a:gd name="connsiteX65" fmla="*/ 8864936 w 9143999"/>
              <a:gd name="connsiteY65" fmla="*/ 5005785 h 5143500"/>
              <a:gd name="connsiteX66" fmla="*/ 8917844 w 9143999"/>
              <a:gd name="connsiteY66" fmla="*/ 4967621 h 5143500"/>
              <a:gd name="connsiteX67" fmla="*/ 8871590 w 9143999"/>
              <a:gd name="connsiteY67" fmla="*/ 4928446 h 5143500"/>
              <a:gd name="connsiteX68" fmla="*/ 8863036 w 9143999"/>
              <a:gd name="connsiteY68" fmla="*/ 4918501 h 5143500"/>
              <a:gd name="connsiteX69" fmla="*/ 8879233 w 9143999"/>
              <a:gd name="connsiteY69" fmla="*/ 4909439 h 5143500"/>
              <a:gd name="connsiteX70" fmla="*/ 8910211 w 9143999"/>
              <a:gd name="connsiteY70" fmla="*/ 4915161 h 5143500"/>
              <a:gd name="connsiteX71" fmla="*/ 8907350 w 9143999"/>
              <a:gd name="connsiteY71" fmla="*/ 4890352 h 5143500"/>
              <a:gd name="connsiteX72" fmla="*/ 8875412 w 9143999"/>
              <a:gd name="connsiteY72" fmla="*/ 4887016 h 5143500"/>
              <a:gd name="connsiteX73" fmla="*/ 0 w 9143999"/>
              <a:gd name="connsiteY73" fmla="*/ 0 h 5143500"/>
              <a:gd name="connsiteX74" fmla="*/ 9143999 w 9143999"/>
              <a:gd name="connsiteY74" fmla="*/ 0 h 5143500"/>
              <a:gd name="connsiteX75" fmla="*/ 9143999 w 9143999"/>
              <a:gd name="connsiteY75" fmla="*/ 5143500 h 5143500"/>
              <a:gd name="connsiteX76" fmla="*/ 0 w 9143999"/>
              <a:gd name="connsiteY76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9143999" h="5143500">
                <a:moveTo>
                  <a:pt x="8863025" y="4918488"/>
                </a:moveTo>
                <a:lnTo>
                  <a:pt x="8863036" y="4918501"/>
                </a:lnTo>
                <a:lnTo>
                  <a:pt x="8863025" y="4918507"/>
                </a:lnTo>
                <a:close/>
                <a:moveTo>
                  <a:pt x="8758160" y="4908488"/>
                </a:moveTo>
                <a:cubicBezTo>
                  <a:pt x="8775317" y="4908488"/>
                  <a:pt x="8783425" y="4916596"/>
                  <a:pt x="8783425" y="4930911"/>
                </a:cubicBezTo>
                <a:cubicBezTo>
                  <a:pt x="8783425" y="4945701"/>
                  <a:pt x="8776277" y="4955720"/>
                  <a:pt x="8758160" y="4955720"/>
                </a:cubicBezTo>
                <a:lnTo>
                  <a:pt x="8752437" y="4955720"/>
                </a:lnTo>
                <a:lnTo>
                  <a:pt x="8752437" y="4908607"/>
                </a:lnTo>
                <a:cubicBezTo>
                  <a:pt x="8754457" y="4908488"/>
                  <a:pt x="8756368" y="4908488"/>
                  <a:pt x="8758160" y="4908488"/>
                </a:cubicBezTo>
                <a:close/>
                <a:moveTo>
                  <a:pt x="8310569" y="4908488"/>
                </a:moveTo>
                <a:cubicBezTo>
                  <a:pt x="8327727" y="4908488"/>
                  <a:pt x="8335835" y="4916596"/>
                  <a:pt x="8335835" y="4930911"/>
                </a:cubicBezTo>
                <a:cubicBezTo>
                  <a:pt x="8335835" y="4945701"/>
                  <a:pt x="8328687" y="4955720"/>
                  <a:pt x="8310569" y="4955720"/>
                </a:cubicBezTo>
                <a:lnTo>
                  <a:pt x="8304847" y="4955720"/>
                </a:lnTo>
                <a:lnTo>
                  <a:pt x="8304847" y="4908607"/>
                </a:lnTo>
                <a:cubicBezTo>
                  <a:pt x="8306876" y="4908488"/>
                  <a:pt x="8308777" y="4908488"/>
                  <a:pt x="8310569" y="4908488"/>
                </a:cubicBezTo>
                <a:close/>
                <a:moveTo>
                  <a:pt x="8656630" y="4889411"/>
                </a:moveTo>
                <a:lnTo>
                  <a:pt x="8656630" y="5003417"/>
                </a:lnTo>
                <a:lnTo>
                  <a:pt x="8691430" y="5003417"/>
                </a:lnTo>
                <a:lnTo>
                  <a:pt x="8691430" y="4889411"/>
                </a:lnTo>
                <a:close/>
                <a:moveTo>
                  <a:pt x="8576070" y="4889411"/>
                </a:moveTo>
                <a:lnTo>
                  <a:pt x="8576070" y="5003417"/>
                </a:lnTo>
                <a:lnTo>
                  <a:pt x="8638988" y="5003417"/>
                </a:lnTo>
                <a:lnTo>
                  <a:pt x="8644235" y="4980519"/>
                </a:lnTo>
                <a:lnTo>
                  <a:pt x="8610870" y="4980519"/>
                </a:lnTo>
                <a:lnTo>
                  <a:pt x="8610870" y="4889411"/>
                </a:lnTo>
                <a:close/>
                <a:moveTo>
                  <a:pt x="8515538" y="4889411"/>
                </a:moveTo>
                <a:lnTo>
                  <a:pt x="8515538" y="5003417"/>
                </a:lnTo>
                <a:lnTo>
                  <a:pt x="8550338" y="5003417"/>
                </a:lnTo>
                <a:lnTo>
                  <a:pt x="8550338" y="4889411"/>
                </a:lnTo>
                <a:close/>
                <a:moveTo>
                  <a:pt x="8383972" y="4889411"/>
                </a:moveTo>
                <a:lnTo>
                  <a:pt x="8383972" y="5003417"/>
                </a:lnTo>
                <a:lnTo>
                  <a:pt x="8418771" y="5003417"/>
                </a:lnTo>
                <a:lnTo>
                  <a:pt x="8418771" y="4958581"/>
                </a:lnTo>
                <a:lnTo>
                  <a:pt x="8454997" y="4958581"/>
                </a:lnTo>
                <a:lnTo>
                  <a:pt x="8454997" y="5003417"/>
                </a:lnTo>
                <a:lnTo>
                  <a:pt x="8489797" y="5003417"/>
                </a:lnTo>
                <a:lnTo>
                  <a:pt x="8489797" y="4889411"/>
                </a:lnTo>
                <a:lnTo>
                  <a:pt x="8454997" y="4889411"/>
                </a:lnTo>
                <a:lnTo>
                  <a:pt x="8454997" y="4934732"/>
                </a:lnTo>
                <a:lnTo>
                  <a:pt x="8418771" y="4934732"/>
                </a:lnTo>
                <a:lnTo>
                  <a:pt x="8418771" y="4889411"/>
                </a:lnTo>
                <a:close/>
                <a:moveTo>
                  <a:pt x="8760061" y="4887025"/>
                </a:moveTo>
                <a:cubicBezTo>
                  <a:pt x="8746240" y="4887025"/>
                  <a:pt x="8729557" y="4887976"/>
                  <a:pt x="8717637" y="4889411"/>
                </a:cubicBezTo>
                <a:lnTo>
                  <a:pt x="8717637" y="5003417"/>
                </a:lnTo>
                <a:lnTo>
                  <a:pt x="8752437" y="5003417"/>
                </a:lnTo>
                <a:lnTo>
                  <a:pt x="8752437" y="4976223"/>
                </a:lnTo>
                <a:lnTo>
                  <a:pt x="8764833" y="4976223"/>
                </a:lnTo>
                <a:lnTo>
                  <a:pt x="8764833" y="4976232"/>
                </a:lnTo>
                <a:cubicBezTo>
                  <a:pt x="8797247" y="4976232"/>
                  <a:pt x="8817741" y="4959541"/>
                  <a:pt x="8817741" y="4930436"/>
                </a:cubicBezTo>
                <a:cubicBezTo>
                  <a:pt x="8817741" y="4898479"/>
                  <a:pt x="8795811" y="4887025"/>
                  <a:pt x="8760061" y="4887025"/>
                </a:cubicBezTo>
                <a:close/>
                <a:moveTo>
                  <a:pt x="8312480" y="4887025"/>
                </a:moveTo>
                <a:cubicBezTo>
                  <a:pt x="8298658" y="4887025"/>
                  <a:pt x="8281976" y="4887976"/>
                  <a:pt x="8270056" y="4889411"/>
                </a:cubicBezTo>
                <a:lnTo>
                  <a:pt x="8270056" y="5003417"/>
                </a:lnTo>
                <a:lnTo>
                  <a:pt x="8304856" y="5003417"/>
                </a:lnTo>
                <a:lnTo>
                  <a:pt x="8304856" y="4976223"/>
                </a:lnTo>
                <a:lnTo>
                  <a:pt x="8317251" y="4976223"/>
                </a:lnTo>
                <a:lnTo>
                  <a:pt x="8317242" y="4976232"/>
                </a:lnTo>
                <a:cubicBezTo>
                  <a:pt x="8349656" y="4976232"/>
                  <a:pt x="8370150" y="4959541"/>
                  <a:pt x="8370150" y="4930436"/>
                </a:cubicBezTo>
                <a:cubicBezTo>
                  <a:pt x="8370159" y="4898470"/>
                  <a:pt x="8348230" y="4887025"/>
                  <a:pt x="8312480" y="4887025"/>
                </a:cubicBezTo>
                <a:close/>
                <a:moveTo>
                  <a:pt x="8875412" y="4887016"/>
                </a:moveTo>
                <a:cubicBezTo>
                  <a:pt x="8847285" y="4887016"/>
                  <a:pt x="8828226" y="4898104"/>
                  <a:pt x="8828226" y="4921359"/>
                </a:cubicBezTo>
                <a:cubicBezTo>
                  <a:pt x="8828226" y="4961433"/>
                  <a:pt x="8882569" y="4953325"/>
                  <a:pt x="8882569" y="4971927"/>
                </a:cubicBezTo>
                <a:cubicBezTo>
                  <a:pt x="8882569" y="4979084"/>
                  <a:pt x="8877322" y="4982896"/>
                  <a:pt x="8864461" y="4982896"/>
                </a:cubicBezTo>
                <a:cubicBezTo>
                  <a:pt x="8853016" y="4982896"/>
                  <a:pt x="8835383" y="4979084"/>
                  <a:pt x="8824898" y="4973828"/>
                </a:cubicBezTo>
                <a:lnTo>
                  <a:pt x="8828710" y="5000063"/>
                </a:lnTo>
                <a:cubicBezTo>
                  <a:pt x="8839195" y="5003884"/>
                  <a:pt x="8853501" y="5005785"/>
                  <a:pt x="8864936" y="5005785"/>
                </a:cubicBezTo>
                <a:cubicBezTo>
                  <a:pt x="8894014" y="5005785"/>
                  <a:pt x="8917844" y="4996242"/>
                  <a:pt x="8917844" y="4967621"/>
                </a:cubicBezTo>
                <a:cubicBezTo>
                  <a:pt x="8917844" y="4938999"/>
                  <a:pt x="8887008" y="4935869"/>
                  <a:pt x="8871590" y="4928446"/>
                </a:cubicBezTo>
                <a:lnTo>
                  <a:pt x="8863036" y="4918501"/>
                </a:lnTo>
                <a:lnTo>
                  <a:pt x="8879233" y="4909439"/>
                </a:lnTo>
                <a:cubicBezTo>
                  <a:pt x="8890193" y="4909439"/>
                  <a:pt x="8902113" y="4911825"/>
                  <a:pt x="8910211" y="4915161"/>
                </a:cubicBezTo>
                <a:lnTo>
                  <a:pt x="8907350" y="4890352"/>
                </a:lnTo>
                <a:cubicBezTo>
                  <a:pt x="8898292" y="4888442"/>
                  <a:pt x="8890193" y="4887016"/>
                  <a:pt x="8875412" y="4887016"/>
                </a:cubicBezTo>
                <a:close/>
                <a:moveTo>
                  <a:pt x="0" y="0"/>
                </a:moveTo>
                <a:lnTo>
                  <a:pt x="9143999" y="0"/>
                </a:lnTo>
                <a:lnTo>
                  <a:pt x="9143999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>
                <a:solidFill>
                  <a:schemeClr val="bg1"/>
                </a:solidFill>
              </a:defRPr>
            </a:lvl1pPr>
          </a:lstStyle>
          <a:p>
            <a:pPr marL="0" marR="0" lvl="0" indent="0" algn="ctr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000000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noProof="0" dirty="0"/>
              <a:t>Click icon to insert photo 966 x 843 </a:t>
            </a:r>
            <a:r>
              <a:rPr lang="en-US" noProof="0" dirty="0" err="1"/>
              <a:t>px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libri"/>
              <a:ea typeface="+mn-ea"/>
              <a:cs typeface="Calibri Light" panose="020F0302020204030204" pitchFamily="34" charset="0"/>
            </a:endParaRP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237744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187053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blu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5B02D2D-78C2-DF6C-44E7-E210869DEA17}"/>
              </a:ext>
            </a:extLst>
          </p:cNvPr>
          <p:cNvSpPr>
            <a:spLocks noGrp="1"/>
          </p:cNvSpPr>
          <p:nvPr userDrawn="1"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7BCE1C-8B2D-2C20-DA1F-914D85142B69}"/>
              </a:ext>
            </a:extLst>
          </p:cNvPr>
          <p:cNvSpPr>
            <a:spLocks noGrp="1"/>
          </p:cNvSpPr>
          <p:nvPr userDrawn="1"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4">
            <a:extLst>
              <a:ext uri="{FF2B5EF4-FFF2-40B4-BE49-F238E27FC236}">
                <a16:creationId xmlns:a16="http://schemas.microsoft.com/office/drawing/2014/main" id="{39A65204-B63A-C92D-8559-99D1D30D9D5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01E91343-BDCF-AC3A-40D7-0F1157E570D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9021944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659244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only - dark blu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D7315B6-9AA5-93D1-552F-B6B78F8BE4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AB06B5-4F14-55FD-A5A0-3ED51EB4969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E0D042B-CFFA-A2E0-2A91-CEF83AE1AC4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C54A277B-7964-B12B-9A03-B942824271B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tx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27C29E7A-B73D-4E62-4C77-AAD3DBE937AE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741259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blu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296213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light coral">
    <p:bg>
      <p:bgPr>
        <a:solidFill>
          <a:srgbClr val="FFDED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9B514E1-90CE-3CE3-60C5-2271280D019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US" dirty="0"/>
              <a:t>Type your slide headline her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E2F1EC1-2658-C047-B1BA-7D4E1C0429B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6E53026-A825-4528-4CF3-B5A96810111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697991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B31952-E4A5-D9E8-C52F-5D29A7BC41F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E8E28A7-BDB3-7FE2-2275-6C094A1DF33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B5A4746-22DC-AA0B-4718-963106F42FF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6EBD3D34-771A-D991-0AFD-D570EC7F6CF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2919" y="376239"/>
            <a:ext cx="7523938" cy="4315064"/>
          </a:xfrm>
        </p:spPr>
        <p:txBody>
          <a:bodyPr anchor="ctr"/>
          <a:lstStyle>
            <a:lvl1pPr>
              <a:defRPr sz="360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lease note: black slides to be used for clinical images only!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51EE049-9196-8C24-394F-BE5DBFD3850F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973173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ndard text for clinical case –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A49C5B3-0EE3-680C-0685-B2F90A2FAF26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6332D85-EA2F-6DDB-7DDF-2C062FF9EA96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8135939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8A0211DD-0F60-E2A1-FBD2-3D9D286E69B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6693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blue (vertical logo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bg1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6" name="Graphic 3">
            <a:extLst>
              <a:ext uri="{FF2B5EF4-FFF2-40B4-BE49-F238E27FC236}">
                <a16:creationId xmlns:a16="http://schemas.microsoft.com/office/drawing/2014/main" id="{FF834536-5D62-6E74-BF5A-1FF0B9592C5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806148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ntent for clinical case - black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5F9301F-221F-44B2-8F12-C2FBAAF44EB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052" y="376239"/>
            <a:ext cx="8133537" cy="719137"/>
          </a:xfrm>
          <a:prstGeom prst="rect">
            <a:avLst/>
          </a:prstGeom>
        </p:spPr>
        <p:txBody>
          <a:bodyPr lIns="0" tIns="0" rIns="0" bIns="0"/>
          <a:lstStyle>
            <a:lvl1pPr>
              <a:defRPr sz="2400">
                <a:solidFill>
                  <a:schemeClr val="bg1"/>
                </a:solidFill>
                <a:latin typeface="+mj-lt"/>
              </a:defRPr>
            </a:lvl1pPr>
          </a:lstStyle>
          <a:p>
            <a:pPr marL="143996" lvl="0" indent="-143996">
              <a:spcAft>
                <a:spcPts val="0"/>
              </a:spcAft>
              <a:buClr>
                <a:srgbClr val="00629F"/>
              </a:buClr>
              <a:tabLst/>
            </a:pPr>
            <a:r>
              <a:rPr lang="en-US" noProof="0" dirty="0"/>
              <a:t>Please note: black slides to be used for clinical images only!</a:t>
            </a:r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D47832D1-2CB0-EF47-87AC-2268BFA1D60B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0675C8B-9184-054B-B7F8-DF9237D45D9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C5FDB047-9967-2145-80C3-D61266F3B59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0" name="Content Placeholder 6">
            <a:extLst>
              <a:ext uri="{FF2B5EF4-FFF2-40B4-BE49-F238E27FC236}">
                <a16:creationId xmlns:a16="http://schemas.microsoft.com/office/drawing/2014/main" id="{4C3D6067-C121-A6A9-99EE-84CAE8843EE8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502919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Content Placeholder 6">
            <a:extLst>
              <a:ext uri="{FF2B5EF4-FFF2-40B4-BE49-F238E27FC236}">
                <a16:creationId xmlns:a16="http://schemas.microsoft.com/office/drawing/2014/main" id="{6DE59561-A21E-9F90-D0F1-D96788F1F458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821466" y="1212849"/>
            <a:ext cx="3816123" cy="3483213"/>
          </a:xfrm>
        </p:spPr>
        <p:txBody>
          <a:bodyPr/>
          <a:lstStyle>
            <a:lvl1pPr>
              <a:buClr>
                <a:schemeClr val="bg1"/>
              </a:buClr>
              <a:defRPr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4A979538-0DC5-6402-C311-241613A2370C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46848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oter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BE0DDD1-E8FF-476A-B624-711BB78C533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636BD1A-AF4B-4287-A902-BC02DA082019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>
                    <a:lumMod val="65000"/>
                  </a:schemeClr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829139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- blu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8245433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- light blue (vertical logo)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3">
            <a:extLst>
              <a:ext uri="{FF2B5EF4-FFF2-40B4-BE49-F238E27FC236}">
                <a16:creationId xmlns:a16="http://schemas.microsoft.com/office/drawing/2014/main" id="{A41915F4-B8A1-F747-84F8-C0A9E23EABFB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 bwMode="white">
          <a:xfrm>
            <a:off x="502921" y="3565407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1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Author</a:t>
            </a:r>
          </a:p>
        </p:txBody>
      </p:sp>
      <p:sp>
        <p:nvSpPr>
          <p:cNvPr id="15" name="Text Placeholder 3">
            <a:extLst>
              <a:ext uri="{FF2B5EF4-FFF2-40B4-BE49-F238E27FC236}">
                <a16:creationId xmlns:a16="http://schemas.microsoft.com/office/drawing/2014/main" id="{0AF1B9CF-7070-3E45-A8F8-B49FDF1700C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 bwMode="white">
          <a:xfrm>
            <a:off x="502921" y="3754620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Title and Business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31F86775-9BAC-8C4A-B0F3-6CCEF30561E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502921" y="3943835"/>
            <a:ext cx="4324891" cy="189214"/>
          </a:xfrm>
          <a:prstGeom prst="rect">
            <a:avLst/>
          </a:prstGeom>
        </p:spPr>
        <p:txBody>
          <a:bodyPr lIns="0" tIns="0" rIns="0" bIns="0" anchor="ctr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200" b="0">
                <a:solidFill>
                  <a:schemeClr val="tx2"/>
                </a:solidFill>
              </a:defRPr>
            </a:lvl1pPr>
          </a:lstStyle>
          <a:p>
            <a:pPr lvl="0"/>
            <a:r>
              <a:rPr lang="en-US" noProof="0" dirty="0"/>
              <a:t>Date</a:t>
            </a:r>
          </a:p>
        </p:txBody>
      </p:sp>
      <p:sp>
        <p:nvSpPr>
          <p:cNvPr id="17" name="Text Placeholder 3">
            <a:extLst>
              <a:ext uri="{FF2B5EF4-FFF2-40B4-BE49-F238E27FC236}">
                <a16:creationId xmlns:a16="http://schemas.microsoft.com/office/drawing/2014/main" id="{B974426A-8BB2-2343-9F2B-54B7DD183BCE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 bwMode="white">
          <a:xfrm>
            <a:off x="502921" y="2038742"/>
            <a:ext cx="6169658" cy="1098000"/>
          </a:xfrm>
          <a:prstGeom prst="rect">
            <a:avLst/>
          </a:prstGeom>
        </p:spPr>
        <p:txBody>
          <a:bodyPr lIns="0" tIns="0" rIns="0" bIns="0" anchor="b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3600">
                <a:solidFill>
                  <a:schemeClr val="tx2"/>
                </a:solidFill>
                <a:latin typeface="+mj-lt"/>
              </a:defRPr>
            </a:lvl1pPr>
            <a:lvl2pPr>
              <a:defRPr sz="4800"/>
            </a:lvl2pPr>
            <a:lvl3pPr>
              <a:defRPr sz="4800"/>
            </a:lvl3pPr>
            <a:lvl4pPr>
              <a:defRPr sz="4800"/>
            </a:lvl4pPr>
            <a:lvl5pPr>
              <a:defRPr sz="4800"/>
            </a:lvl5pPr>
          </a:lstStyle>
          <a:p>
            <a:pPr marL="0" marR="0" lvl="0" indent="0" algn="l" defTabSz="91435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300"/>
              </a:spcAft>
              <a:buClr>
                <a:srgbClr val="000000"/>
              </a:buClr>
              <a:buSzPct val="100000"/>
              <a:buFontTx/>
              <a:buNone/>
              <a:tabLst/>
              <a:defRPr/>
            </a:pPr>
            <a:r>
              <a:rPr lang="en-US" noProof="0" dirty="0"/>
              <a:t>Presentation title</a:t>
            </a:r>
          </a:p>
        </p:txBody>
      </p:sp>
      <p:sp>
        <p:nvSpPr>
          <p:cNvPr id="5" name="Graphic 3">
            <a:extLst>
              <a:ext uri="{FF2B5EF4-FFF2-40B4-BE49-F238E27FC236}">
                <a16:creationId xmlns:a16="http://schemas.microsoft.com/office/drawing/2014/main" id="{7536EE68-DBDC-3BAA-878D-9EE447BFBAB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 rot="16200000">
            <a:off x="6160797" y="2152041"/>
            <a:ext cx="4578350" cy="839418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tx2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964325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59F568C8-1BD7-E7B3-38E2-5B7ED0EA40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8132765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D049C77E-35AD-3CFF-778D-2778583A3DA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63DC6205-A83D-C56E-95E7-87AD3BD94FD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498348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>
                <a:schemeClr val="bg1"/>
              </a:buClr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3" name="Footer Placeholder 4">
            <a:extLst>
              <a:ext uri="{FF2B5EF4-FFF2-40B4-BE49-F238E27FC236}">
                <a16:creationId xmlns:a16="http://schemas.microsoft.com/office/drawing/2014/main" id="{B8B6A192-560C-26DF-0654-5406C61E06FE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74557FD-3C88-91B2-A93D-C292FF65A8C2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55312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nd 1/2 image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D5A40221-5DA6-10A4-CE38-F9D1C18EE09C}"/>
              </a:ext>
            </a:extLst>
          </p:cNvPr>
          <p:cNvSpPr/>
          <p:nvPr userDrawn="1"/>
        </p:nvSpPr>
        <p:spPr>
          <a:xfrm>
            <a:off x="4572000" y="0"/>
            <a:ext cx="4572000" cy="5143500"/>
          </a:xfrm>
          <a:prstGeom prst="rect">
            <a:avLst/>
          </a:prstGeom>
          <a:solidFill>
            <a:schemeClr val="bg1"/>
          </a:solidFill>
          <a:ln w="25400" cap="flat" cmpd="sng" algn="ctr">
            <a:noFill/>
            <a:prstDash val="solid"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200" dirty="0">
              <a:solidFill>
                <a:schemeClr val="bg1"/>
              </a:solidFill>
            </a:endParaRPr>
          </a:p>
        </p:txBody>
      </p:sp>
      <p:pic>
        <p:nvPicPr>
          <p:cNvPr id="16" name="Graphic 15">
            <a:extLst>
              <a:ext uri="{FF2B5EF4-FFF2-40B4-BE49-F238E27FC236}">
                <a16:creationId xmlns:a16="http://schemas.microsoft.com/office/drawing/2014/main" id="{B74FA7A2-C208-CA8F-FF1F-AA1A5D0C4B5B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  <p:sp>
        <p:nvSpPr>
          <p:cNvPr id="17" name="Footer Placeholder 4">
            <a:extLst>
              <a:ext uri="{FF2B5EF4-FFF2-40B4-BE49-F238E27FC236}">
                <a16:creationId xmlns:a16="http://schemas.microsoft.com/office/drawing/2014/main" id="{FDDA9136-D3F9-F711-4B85-494AA9FC0C73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75CE4425-35A1-314D-C48B-0DFD71FE951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 </a:t>
            </a:r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CE15C5B3-F137-C847-8AEF-B6EA3211AAA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2D7C9E-6318-F070-BCE4-366530922D6C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02921" y="1839283"/>
            <a:ext cx="3657600" cy="2856544"/>
          </a:xfrm>
        </p:spPr>
        <p:txBody>
          <a:bodyPr/>
          <a:lstStyle>
            <a:lvl1pPr marL="183600" indent="-183600">
              <a:spcBef>
                <a:spcPts val="0"/>
              </a:spcBef>
              <a:spcAft>
                <a:spcPts val="1200"/>
              </a:spcAft>
              <a:buClrTx/>
              <a:buFont typeface="Arial" panose="020B0604020202020204" pitchFamily="34" charset="0"/>
              <a:buChar char="•"/>
              <a:defRPr sz="1400">
                <a:solidFill>
                  <a:schemeClr val="bg1"/>
                </a:solidFill>
              </a:defRPr>
            </a:lvl1pPr>
            <a:lvl2pPr>
              <a:buClr>
                <a:schemeClr val="bg1"/>
              </a:buClr>
              <a:defRPr>
                <a:solidFill>
                  <a:schemeClr val="bg1"/>
                </a:solidFill>
              </a:defRPr>
            </a:lvl2pPr>
            <a:lvl3pPr>
              <a:buClr>
                <a:schemeClr val="bg1"/>
              </a:buClr>
              <a:defRPr>
                <a:solidFill>
                  <a:schemeClr val="bg1"/>
                </a:solidFill>
              </a:defRPr>
            </a:lvl3pPr>
            <a:lvl4pPr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>
              <a:buClr>
                <a:schemeClr val="bg1"/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  <a:br>
              <a:rPr lang="en-US" dirty="0"/>
            </a:br>
            <a:r>
              <a:rPr lang="en-US" dirty="0"/>
              <a:t>List item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B2AF8FD8-EE9D-314B-8AE1-79B9D514A949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endParaRPr lang="en-US" dirty="0"/>
          </a:p>
        </p:txBody>
      </p:sp>
      <p:sp>
        <p:nvSpPr>
          <p:cNvPr id="2" name="Text Placeholder 7">
            <a:extLst>
              <a:ext uri="{FF2B5EF4-FFF2-40B4-BE49-F238E27FC236}">
                <a16:creationId xmlns:a16="http://schemas.microsoft.com/office/drawing/2014/main" id="{5467F4DF-B7E9-D7D2-0F4E-CDDFF523E68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502104" y="373903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Meeting/Event name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7B2AFDB2-100B-485C-43B7-024DC8ADE7D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502104" y="613446"/>
            <a:ext cx="2240280" cy="215445"/>
          </a:xfrm>
        </p:spPr>
        <p:txBody>
          <a:bodyPr/>
          <a:lstStyle>
            <a:lvl1pPr marL="0" indent="0">
              <a:buNone/>
              <a:defRPr sz="1400" b="1">
                <a:solidFill>
                  <a:schemeClr val="bg2"/>
                </a:solidFill>
              </a:defRPr>
            </a:lvl1pPr>
            <a:lvl2pPr marL="182876" indent="0">
              <a:buNone/>
              <a:defRPr sz="1400" b="1">
                <a:solidFill>
                  <a:schemeClr val="bg2"/>
                </a:solidFill>
              </a:defRPr>
            </a:lvl2pPr>
            <a:lvl3pPr marL="321810" indent="0">
              <a:buNone/>
              <a:defRPr sz="1400" b="1">
                <a:solidFill>
                  <a:schemeClr val="bg2"/>
                </a:solidFill>
              </a:defRPr>
            </a:lvl3pPr>
            <a:lvl4pPr marL="457189" indent="0">
              <a:buNone/>
              <a:defRPr sz="1400" b="1">
                <a:solidFill>
                  <a:schemeClr val="bg2"/>
                </a:solidFill>
              </a:defRPr>
            </a:lvl4pPr>
            <a:lvl5pPr marL="593709" indent="0">
              <a:buNone/>
              <a:defRPr sz="1400" b="1">
                <a:solidFill>
                  <a:schemeClr val="bg2"/>
                </a:solidFill>
              </a:defRPr>
            </a:lvl5pPr>
          </a:lstStyle>
          <a:p>
            <a:pPr lvl="0"/>
            <a:r>
              <a:rPr lang="en-US" dirty="0"/>
              <a:t>Date</a:t>
            </a:r>
            <a:endParaRPr lang="en-GB" dirty="0"/>
          </a:p>
        </p:txBody>
      </p:sp>
      <p:sp>
        <p:nvSpPr>
          <p:cNvPr id="8" name="Title 5">
            <a:extLst>
              <a:ext uri="{FF2B5EF4-FFF2-40B4-BE49-F238E27FC236}">
                <a16:creationId xmlns:a16="http://schemas.microsoft.com/office/drawing/2014/main" id="{A38994D7-FF6E-89BB-7971-44B59E5419D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974518"/>
            <a:ext cx="3657281" cy="719137"/>
          </a:xfrm>
        </p:spPr>
        <p:txBody>
          <a:bodyPr/>
          <a:lstStyle>
            <a:lvl1pPr>
              <a:defRPr sz="3600">
                <a:solidFill>
                  <a:srgbClr val="9CF6FB"/>
                </a:solidFill>
              </a:defRPr>
            </a:lvl1pPr>
          </a:lstStyle>
          <a:p>
            <a:r>
              <a:rPr lang="en-US" dirty="0"/>
              <a:t>Agenda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14028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blue (with image)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Graphic 3">
            <a:extLst>
              <a:ext uri="{FF2B5EF4-FFF2-40B4-BE49-F238E27FC236}">
                <a16:creationId xmlns:a16="http://schemas.microsoft.com/office/drawing/2014/main" id="{2DE5B8F3-CE57-07D8-37DB-2E155FA0A4F3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Philips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3CF0764-DFB5-2754-87CE-F77CA3FFD3CD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760C7FB-B180-5117-2B14-5A6E759E66AC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08CC558-3F63-D067-60A8-9C372770394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6CB73A-A9B6-13DF-87F7-3E10FF24BEDD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663967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- white (with image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Whit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4360DB3D-7BF0-14A1-B8F5-D344164BBEB6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30EEF85-22C8-02AB-F7C4-D3F7156CA57C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5746B0B-2942-5B4C-DCB9-34A15D547F62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12688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- dark blue (with image)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4">
            <a:extLst>
              <a:ext uri="{FF2B5EF4-FFF2-40B4-BE49-F238E27FC236}">
                <a16:creationId xmlns:a16="http://schemas.microsoft.com/office/drawing/2014/main" id="{3029D1A3-83DA-8590-DBA0-18A90F22E7FA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/>
                </a:solidFill>
                <a:latin typeface="+mj-lt"/>
              </a:rPr>
              <a:t>© Koninklijke Philips N.V.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FDF2600-9A16-8BA3-BC3D-678F2912B3B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4826" y="2212849"/>
            <a:ext cx="3179496" cy="719137"/>
          </a:xfrm>
        </p:spPr>
        <p:txBody>
          <a:bodyPr anchor="ctr"/>
          <a:lstStyle>
            <a:lvl1pPr>
              <a:spcAft>
                <a:spcPts val="300"/>
              </a:spcAft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ark blue divider, </a:t>
            </a:r>
            <a:br>
              <a:rPr lang="en-US" dirty="0"/>
            </a:br>
            <a:r>
              <a:rPr lang="en-US" dirty="0"/>
              <a:t>half photo</a:t>
            </a:r>
          </a:p>
        </p:txBody>
      </p:sp>
      <p:sp>
        <p:nvSpPr>
          <p:cNvPr id="7" name="Graphic 3">
            <a:extLst>
              <a:ext uri="{FF2B5EF4-FFF2-40B4-BE49-F238E27FC236}">
                <a16:creationId xmlns:a16="http://schemas.microsoft.com/office/drawing/2014/main" id="{58D52DC9-CECD-E119-65AB-88BD5ED5C2D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8270056" y="4887016"/>
            <a:ext cx="647788" cy="118769"/>
          </a:xfrm>
          <a:custGeom>
            <a:avLst/>
            <a:gdLst>
              <a:gd name="connsiteX0" fmla="*/ 219741 w 647788"/>
              <a:gd name="connsiteY0" fmla="*/ 2395 h 118769"/>
              <a:gd name="connsiteX1" fmla="*/ 184941 w 647788"/>
              <a:gd name="connsiteY1" fmla="*/ 2395 h 118769"/>
              <a:gd name="connsiteX2" fmla="*/ 184941 w 647788"/>
              <a:gd name="connsiteY2" fmla="*/ 47716 h 118769"/>
              <a:gd name="connsiteX3" fmla="*/ 148715 w 647788"/>
              <a:gd name="connsiteY3" fmla="*/ 47716 h 118769"/>
              <a:gd name="connsiteX4" fmla="*/ 148715 w 647788"/>
              <a:gd name="connsiteY4" fmla="*/ 2395 h 118769"/>
              <a:gd name="connsiteX5" fmla="*/ 113916 w 647788"/>
              <a:gd name="connsiteY5" fmla="*/ 2395 h 118769"/>
              <a:gd name="connsiteX6" fmla="*/ 113916 w 647788"/>
              <a:gd name="connsiteY6" fmla="*/ 116401 h 118769"/>
              <a:gd name="connsiteX7" fmla="*/ 148715 w 647788"/>
              <a:gd name="connsiteY7" fmla="*/ 116401 h 118769"/>
              <a:gd name="connsiteX8" fmla="*/ 148715 w 647788"/>
              <a:gd name="connsiteY8" fmla="*/ 71565 h 118769"/>
              <a:gd name="connsiteX9" fmla="*/ 184941 w 647788"/>
              <a:gd name="connsiteY9" fmla="*/ 71565 h 118769"/>
              <a:gd name="connsiteX10" fmla="*/ 184941 w 647788"/>
              <a:gd name="connsiteY10" fmla="*/ 116401 h 118769"/>
              <a:gd name="connsiteX11" fmla="*/ 219741 w 647788"/>
              <a:gd name="connsiteY11" fmla="*/ 116401 h 118769"/>
              <a:gd name="connsiteX12" fmla="*/ 219741 w 647788"/>
              <a:gd name="connsiteY12" fmla="*/ 2395 h 118769"/>
              <a:gd name="connsiteX13" fmla="*/ 219741 w 647788"/>
              <a:gd name="connsiteY13" fmla="*/ 2395 h 118769"/>
              <a:gd name="connsiteX14" fmla="*/ 340814 w 647788"/>
              <a:gd name="connsiteY14" fmla="*/ 93503 h 118769"/>
              <a:gd name="connsiteX15" fmla="*/ 340814 w 647788"/>
              <a:gd name="connsiteY15" fmla="*/ 2395 h 118769"/>
              <a:gd name="connsiteX16" fmla="*/ 306014 w 647788"/>
              <a:gd name="connsiteY16" fmla="*/ 2395 h 118769"/>
              <a:gd name="connsiteX17" fmla="*/ 306014 w 647788"/>
              <a:gd name="connsiteY17" fmla="*/ 116401 h 118769"/>
              <a:gd name="connsiteX18" fmla="*/ 368932 w 647788"/>
              <a:gd name="connsiteY18" fmla="*/ 116401 h 118769"/>
              <a:gd name="connsiteX19" fmla="*/ 374179 w 647788"/>
              <a:gd name="connsiteY19" fmla="*/ 93503 h 118769"/>
              <a:gd name="connsiteX20" fmla="*/ 340814 w 647788"/>
              <a:gd name="connsiteY20" fmla="*/ 93503 h 118769"/>
              <a:gd name="connsiteX21" fmla="*/ 280282 w 647788"/>
              <a:gd name="connsiteY21" fmla="*/ 2395 h 118769"/>
              <a:gd name="connsiteX22" fmla="*/ 245482 w 647788"/>
              <a:gd name="connsiteY22" fmla="*/ 2395 h 118769"/>
              <a:gd name="connsiteX23" fmla="*/ 245482 w 647788"/>
              <a:gd name="connsiteY23" fmla="*/ 116401 h 118769"/>
              <a:gd name="connsiteX24" fmla="*/ 280282 w 647788"/>
              <a:gd name="connsiteY24" fmla="*/ 116401 h 118769"/>
              <a:gd name="connsiteX25" fmla="*/ 280282 w 647788"/>
              <a:gd name="connsiteY25" fmla="*/ 2395 h 118769"/>
              <a:gd name="connsiteX26" fmla="*/ 280282 w 647788"/>
              <a:gd name="connsiteY26" fmla="*/ 2395 h 118769"/>
              <a:gd name="connsiteX27" fmla="*/ 421374 w 647788"/>
              <a:gd name="connsiteY27" fmla="*/ 2395 h 118769"/>
              <a:gd name="connsiteX28" fmla="*/ 386574 w 647788"/>
              <a:gd name="connsiteY28" fmla="*/ 2395 h 118769"/>
              <a:gd name="connsiteX29" fmla="*/ 386574 w 647788"/>
              <a:gd name="connsiteY29" fmla="*/ 116401 h 118769"/>
              <a:gd name="connsiteX30" fmla="*/ 421374 w 647788"/>
              <a:gd name="connsiteY30" fmla="*/ 116401 h 118769"/>
              <a:gd name="connsiteX31" fmla="*/ 421374 w 647788"/>
              <a:gd name="connsiteY31" fmla="*/ 2395 h 118769"/>
              <a:gd name="connsiteX32" fmla="*/ 421374 w 647788"/>
              <a:gd name="connsiteY32" fmla="*/ 2395 h 118769"/>
              <a:gd name="connsiteX33" fmla="*/ 592969 w 647788"/>
              <a:gd name="connsiteY33" fmla="*/ 31491 h 118769"/>
              <a:gd name="connsiteX34" fmla="*/ 609177 w 647788"/>
              <a:gd name="connsiteY34" fmla="*/ 22423 h 118769"/>
              <a:gd name="connsiteX35" fmla="*/ 640155 w 647788"/>
              <a:gd name="connsiteY35" fmla="*/ 28145 h 118769"/>
              <a:gd name="connsiteX36" fmla="*/ 637294 w 647788"/>
              <a:gd name="connsiteY36" fmla="*/ 3336 h 118769"/>
              <a:gd name="connsiteX37" fmla="*/ 605356 w 647788"/>
              <a:gd name="connsiteY37" fmla="*/ 0 h 118769"/>
              <a:gd name="connsiteX38" fmla="*/ 558170 w 647788"/>
              <a:gd name="connsiteY38" fmla="*/ 34343 h 118769"/>
              <a:gd name="connsiteX39" fmla="*/ 612513 w 647788"/>
              <a:gd name="connsiteY39" fmla="*/ 84911 h 118769"/>
              <a:gd name="connsiteX40" fmla="*/ 594405 w 647788"/>
              <a:gd name="connsiteY40" fmla="*/ 95880 h 118769"/>
              <a:gd name="connsiteX41" fmla="*/ 554842 w 647788"/>
              <a:gd name="connsiteY41" fmla="*/ 86812 h 118769"/>
              <a:gd name="connsiteX42" fmla="*/ 558654 w 647788"/>
              <a:gd name="connsiteY42" fmla="*/ 113047 h 118769"/>
              <a:gd name="connsiteX43" fmla="*/ 594880 w 647788"/>
              <a:gd name="connsiteY43" fmla="*/ 118769 h 118769"/>
              <a:gd name="connsiteX44" fmla="*/ 647788 w 647788"/>
              <a:gd name="connsiteY44" fmla="*/ 80605 h 118769"/>
              <a:gd name="connsiteX45" fmla="*/ 592969 w 647788"/>
              <a:gd name="connsiteY45" fmla="*/ 31472 h 118769"/>
              <a:gd name="connsiteX46" fmla="*/ 592969 w 647788"/>
              <a:gd name="connsiteY46" fmla="*/ 31472 h 118769"/>
              <a:gd name="connsiteX47" fmla="*/ 494777 w 647788"/>
              <a:gd name="connsiteY47" fmla="*/ 89216 h 118769"/>
              <a:gd name="connsiteX48" fmla="*/ 547685 w 647788"/>
              <a:gd name="connsiteY48" fmla="*/ 43420 h 118769"/>
              <a:gd name="connsiteX49" fmla="*/ 490005 w 647788"/>
              <a:gd name="connsiteY49" fmla="*/ 9 h 118769"/>
              <a:gd name="connsiteX50" fmla="*/ 447581 w 647788"/>
              <a:gd name="connsiteY50" fmla="*/ 2395 h 118769"/>
              <a:gd name="connsiteX51" fmla="*/ 447581 w 647788"/>
              <a:gd name="connsiteY51" fmla="*/ 116401 h 118769"/>
              <a:gd name="connsiteX52" fmla="*/ 482381 w 647788"/>
              <a:gd name="connsiteY52" fmla="*/ 116401 h 118769"/>
              <a:gd name="connsiteX53" fmla="*/ 482381 w 647788"/>
              <a:gd name="connsiteY53" fmla="*/ 89207 h 118769"/>
              <a:gd name="connsiteX54" fmla="*/ 494777 w 647788"/>
              <a:gd name="connsiteY54" fmla="*/ 89207 h 118769"/>
              <a:gd name="connsiteX55" fmla="*/ 513369 w 647788"/>
              <a:gd name="connsiteY55" fmla="*/ 43895 h 118769"/>
              <a:gd name="connsiteX56" fmla="*/ 488104 w 647788"/>
              <a:gd name="connsiteY56" fmla="*/ 68704 h 118769"/>
              <a:gd name="connsiteX57" fmla="*/ 482381 w 647788"/>
              <a:gd name="connsiteY57" fmla="*/ 68704 h 118769"/>
              <a:gd name="connsiteX58" fmla="*/ 482381 w 647788"/>
              <a:gd name="connsiteY58" fmla="*/ 21591 h 118769"/>
              <a:gd name="connsiteX59" fmla="*/ 488104 w 647788"/>
              <a:gd name="connsiteY59" fmla="*/ 21472 h 118769"/>
              <a:gd name="connsiteX60" fmla="*/ 513369 w 647788"/>
              <a:gd name="connsiteY60" fmla="*/ 43895 h 118769"/>
              <a:gd name="connsiteX61" fmla="*/ 513369 w 647788"/>
              <a:gd name="connsiteY61" fmla="*/ 43895 h 118769"/>
              <a:gd name="connsiteX62" fmla="*/ 47186 w 647788"/>
              <a:gd name="connsiteY62" fmla="*/ 89216 h 118769"/>
              <a:gd name="connsiteX63" fmla="*/ 100094 w 647788"/>
              <a:gd name="connsiteY63" fmla="*/ 43420 h 118769"/>
              <a:gd name="connsiteX64" fmla="*/ 42424 w 647788"/>
              <a:gd name="connsiteY64" fmla="*/ 9 h 118769"/>
              <a:gd name="connsiteX65" fmla="*/ 0 w 647788"/>
              <a:gd name="connsiteY65" fmla="*/ 2395 h 118769"/>
              <a:gd name="connsiteX66" fmla="*/ 0 w 647788"/>
              <a:gd name="connsiteY66" fmla="*/ 116401 h 118769"/>
              <a:gd name="connsiteX67" fmla="*/ 34800 w 647788"/>
              <a:gd name="connsiteY67" fmla="*/ 116401 h 118769"/>
              <a:gd name="connsiteX68" fmla="*/ 34800 w 647788"/>
              <a:gd name="connsiteY68" fmla="*/ 89207 h 118769"/>
              <a:gd name="connsiteX69" fmla="*/ 47195 w 647788"/>
              <a:gd name="connsiteY69" fmla="*/ 89207 h 118769"/>
              <a:gd name="connsiteX70" fmla="*/ 65779 w 647788"/>
              <a:gd name="connsiteY70" fmla="*/ 43895 h 118769"/>
              <a:gd name="connsiteX71" fmla="*/ 40513 w 647788"/>
              <a:gd name="connsiteY71" fmla="*/ 68704 h 118769"/>
              <a:gd name="connsiteX72" fmla="*/ 34791 w 647788"/>
              <a:gd name="connsiteY72" fmla="*/ 68704 h 118769"/>
              <a:gd name="connsiteX73" fmla="*/ 34791 w 647788"/>
              <a:gd name="connsiteY73" fmla="*/ 21591 h 118769"/>
              <a:gd name="connsiteX74" fmla="*/ 40513 w 647788"/>
              <a:gd name="connsiteY74" fmla="*/ 21472 h 118769"/>
              <a:gd name="connsiteX75" fmla="*/ 65779 w 647788"/>
              <a:gd name="connsiteY75" fmla="*/ 43895 h 118769"/>
              <a:gd name="connsiteX76" fmla="*/ 65779 w 647788"/>
              <a:gd name="connsiteY76" fmla="*/ 43895 h 11876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</a:cxnLst>
            <a:rect l="l" t="t" r="r" b="b"/>
            <a:pathLst>
              <a:path w="647788" h="118769">
                <a:moveTo>
                  <a:pt x="219741" y="2395"/>
                </a:moveTo>
                <a:lnTo>
                  <a:pt x="184941" y="2395"/>
                </a:lnTo>
                <a:lnTo>
                  <a:pt x="184941" y="47716"/>
                </a:lnTo>
                <a:lnTo>
                  <a:pt x="148715" y="47716"/>
                </a:lnTo>
                <a:lnTo>
                  <a:pt x="148715" y="2395"/>
                </a:lnTo>
                <a:lnTo>
                  <a:pt x="113916" y="2395"/>
                </a:lnTo>
                <a:lnTo>
                  <a:pt x="113916" y="116401"/>
                </a:lnTo>
                <a:lnTo>
                  <a:pt x="148715" y="116401"/>
                </a:lnTo>
                <a:lnTo>
                  <a:pt x="148715" y="71565"/>
                </a:lnTo>
                <a:lnTo>
                  <a:pt x="184941" y="71565"/>
                </a:lnTo>
                <a:lnTo>
                  <a:pt x="184941" y="116401"/>
                </a:lnTo>
                <a:lnTo>
                  <a:pt x="219741" y="116401"/>
                </a:lnTo>
                <a:lnTo>
                  <a:pt x="219741" y="2395"/>
                </a:lnTo>
                <a:lnTo>
                  <a:pt x="219741" y="2395"/>
                </a:lnTo>
                <a:close/>
                <a:moveTo>
                  <a:pt x="340814" y="93503"/>
                </a:moveTo>
                <a:lnTo>
                  <a:pt x="340814" y="2395"/>
                </a:lnTo>
                <a:lnTo>
                  <a:pt x="306014" y="2395"/>
                </a:lnTo>
                <a:lnTo>
                  <a:pt x="306014" y="116401"/>
                </a:lnTo>
                <a:lnTo>
                  <a:pt x="368932" y="116401"/>
                </a:lnTo>
                <a:lnTo>
                  <a:pt x="374179" y="93503"/>
                </a:lnTo>
                <a:lnTo>
                  <a:pt x="340814" y="93503"/>
                </a:lnTo>
                <a:close/>
                <a:moveTo>
                  <a:pt x="280282" y="2395"/>
                </a:moveTo>
                <a:lnTo>
                  <a:pt x="245482" y="2395"/>
                </a:lnTo>
                <a:lnTo>
                  <a:pt x="245482" y="116401"/>
                </a:lnTo>
                <a:lnTo>
                  <a:pt x="280282" y="116401"/>
                </a:lnTo>
                <a:lnTo>
                  <a:pt x="280282" y="2395"/>
                </a:lnTo>
                <a:lnTo>
                  <a:pt x="280282" y="2395"/>
                </a:lnTo>
                <a:close/>
                <a:moveTo>
                  <a:pt x="421374" y="2395"/>
                </a:moveTo>
                <a:lnTo>
                  <a:pt x="386574" y="2395"/>
                </a:lnTo>
                <a:lnTo>
                  <a:pt x="386574" y="116401"/>
                </a:lnTo>
                <a:lnTo>
                  <a:pt x="421374" y="116401"/>
                </a:lnTo>
                <a:lnTo>
                  <a:pt x="421374" y="2395"/>
                </a:lnTo>
                <a:lnTo>
                  <a:pt x="421374" y="2395"/>
                </a:lnTo>
                <a:close/>
                <a:moveTo>
                  <a:pt x="592969" y="31491"/>
                </a:moveTo>
                <a:cubicBezTo>
                  <a:pt x="592969" y="25293"/>
                  <a:pt x="599167" y="22423"/>
                  <a:pt x="609177" y="22423"/>
                </a:cubicBezTo>
                <a:cubicBezTo>
                  <a:pt x="620137" y="22423"/>
                  <a:pt x="632057" y="24809"/>
                  <a:pt x="640155" y="28145"/>
                </a:cubicBezTo>
                <a:lnTo>
                  <a:pt x="637294" y="3336"/>
                </a:lnTo>
                <a:cubicBezTo>
                  <a:pt x="628236" y="1426"/>
                  <a:pt x="620137" y="0"/>
                  <a:pt x="605356" y="0"/>
                </a:cubicBezTo>
                <a:cubicBezTo>
                  <a:pt x="577229" y="0"/>
                  <a:pt x="558170" y="11088"/>
                  <a:pt x="558170" y="34343"/>
                </a:cubicBezTo>
                <a:cubicBezTo>
                  <a:pt x="558170" y="74417"/>
                  <a:pt x="612513" y="66309"/>
                  <a:pt x="612513" y="84911"/>
                </a:cubicBezTo>
                <a:cubicBezTo>
                  <a:pt x="612513" y="92068"/>
                  <a:pt x="607266" y="95880"/>
                  <a:pt x="594405" y="95880"/>
                </a:cubicBezTo>
                <a:cubicBezTo>
                  <a:pt x="582960" y="95880"/>
                  <a:pt x="565327" y="92068"/>
                  <a:pt x="554842" y="86812"/>
                </a:cubicBezTo>
                <a:lnTo>
                  <a:pt x="558654" y="113047"/>
                </a:lnTo>
                <a:cubicBezTo>
                  <a:pt x="569139" y="116868"/>
                  <a:pt x="583445" y="118769"/>
                  <a:pt x="594880" y="118769"/>
                </a:cubicBezTo>
                <a:cubicBezTo>
                  <a:pt x="623958" y="118769"/>
                  <a:pt x="647788" y="109226"/>
                  <a:pt x="647788" y="80605"/>
                </a:cubicBezTo>
                <a:cubicBezTo>
                  <a:pt x="647788" y="42442"/>
                  <a:pt x="592969" y="49599"/>
                  <a:pt x="592969" y="31472"/>
                </a:cubicBezTo>
                <a:lnTo>
                  <a:pt x="592969" y="31472"/>
                </a:lnTo>
                <a:close/>
                <a:moveTo>
                  <a:pt x="494777" y="89216"/>
                </a:moveTo>
                <a:cubicBezTo>
                  <a:pt x="527191" y="89216"/>
                  <a:pt x="547685" y="72525"/>
                  <a:pt x="547685" y="43420"/>
                </a:cubicBezTo>
                <a:cubicBezTo>
                  <a:pt x="547685" y="11463"/>
                  <a:pt x="525755" y="9"/>
                  <a:pt x="490005" y="9"/>
                </a:cubicBezTo>
                <a:cubicBezTo>
                  <a:pt x="476184" y="9"/>
                  <a:pt x="459501" y="960"/>
                  <a:pt x="447581" y="2395"/>
                </a:cubicBezTo>
                <a:lnTo>
                  <a:pt x="447581" y="116401"/>
                </a:lnTo>
                <a:lnTo>
                  <a:pt x="482381" y="116401"/>
                </a:lnTo>
                <a:lnTo>
                  <a:pt x="482381" y="89207"/>
                </a:lnTo>
                <a:lnTo>
                  <a:pt x="494777" y="89207"/>
                </a:lnTo>
                <a:close/>
                <a:moveTo>
                  <a:pt x="513369" y="43895"/>
                </a:moveTo>
                <a:cubicBezTo>
                  <a:pt x="513369" y="58685"/>
                  <a:pt x="506221" y="68704"/>
                  <a:pt x="488104" y="68704"/>
                </a:cubicBezTo>
                <a:lnTo>
                  <a:pt x="482381" y="68704"/>
                </a:lnTo>
                <a:lnTo>
                  <a:pt x="482381" y="21591"/>
                </a:lnTo>
                <a:cubicBezTo>
                  <a:pt x="484401" y="21472"/>
                  <a:pt x="486312" y="21472"/>
                  <a:pt x="488104" y="21472"/>
                </a:cubicBezTo>
                <a:cubicBezTo>
                  <a:pt x="505261" y="21472"/>
                  <a:pt x="513369" y="29580"/>
                  <a:pt x="513369" y="43895"/>
                </a:cubicBezTo>
                <a:lnTo>
                  <a:pt x="513369" y="43895"/>
                </a:lnTo>
                <a:close/>
                <a:moveTo>
                  <a:pt x="47186" y="89216"/>
                </a:moveTo>
                <a:cubicBezTo>
                  <a:pt x="79600" y="89216"/>
                  <a:pt x="100094" y="72525"/>
                  <a:pt x="100094" y="43420"/>
                </a:cubicBezTo>
                <a:cubicBezTo>
                  <a:pt x="100103" y="11454"/>
                  <a:pt x="78174" y="9"/>
                  <a:pt x="42424" y="9"/>
                </a:cubicBezTo>
                <a:cubicBezTo>
                  <a:pt x="28602" y="9"/>
                  <a:pt x="11920" y="960"/>
                  <a:pt x="0" y="2395"/>
                </a:cubicBezTo>
                <a:lnTo>
                  <a:pt x="0" y="116401"/>
                </a:lnTo>
                <a:lnTo>
                  <a:pt x="34800" y="116401"/>
                </a:lnTo>
                <a:lnTo>
                  <a:pt x="34800" y="89207"/>
                </a:lnTo>
                <a:lnTo>
                  <a:pt x="47195" y="89207"/>
                </a:lnTo>
                <a:close/>
                <a:moveTo>
                  <a:pt x="65779" y="43895"/>
                </a:moveTo>
                <a:cubicBezTo>
                  <a:pt x="65779" y="58685"/>
                  <a:pt x="58631" y="68704"/>
                  <a:pt x="40513" y="68704"/>
                </a:cubicBezTo>
                <a:lnTo>
                  <a:pt x="34791" y="68704"/>
                </a:lnTo>
                <a:lnTo>
                  <a:pt x="34791" y="21591"/>
                </a:lnTo>
                <a:cubicBezTo>
                  <a:pt x="36820" y="21472"/>
                  <a:pt x="38721" y="21472"/>
                  <a:pt x="40513" y="21472"/>
                </a:cubicBezTo>
                <a:cubicBezTo>
                  <a:pt x="57671" y="21472"/>
                  <a:pt x="65779" y="29580"/>
                  <a:pt x="65779" y="43895"/>
                </a:cubicBezTo>
                <a:lnTo>
                  <a:pt x="65779" y="43895"/>
                </a:lnTo>
                <a:close/>
              </a:path>
            </a:pathLst>
          </a:custGeom>
          <a:solidFill>
            <a:schemeClr val="bg1"/>
          </a:solidFill>
          <a:ln w="0" cap="flat">
            <a:noFill/>
            <a:prstDash val="solid"/>
            <a:miter/>
          </a:ln>
        </p:spPr>
        <p:txBody>
          <a:bodyPr rtlCol="0" anchor="ctr"/>
          <a:lstStyle/>
          <a:p>
            <a:endParaRPr lang="en-GB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D0CE73CA-8B06-B187-2902-ACEEB8635450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4291025 w 4572000"/>
              <a:gd name="connsiteY0" fmla="*/ 4918488 h 5143500"/>
              <a:gd name="connsiteX1" fmla="*/ 4291032 w 4572000"/>
              <a:gd name="connsiteY1" fmla="*/ 4918496 h 5143500"/>
              <a:gd name="connsiteX2" fmla="*/ 4291025 w 4572000"/>
              <a:gd name="connsiteY2" fmla="*/ 4918507 h 5143500"/>
              <a:gd name="connsiteX3" fmla="*/ 4186160 w 4572000"/>
              <a:gd name="connsiteY3" fmla="*/ 4908488 h 5143500"/>
              <a:gd name="connsiteX4" fmla="*/ 4211425 w 4572000"/>
              <a:gd name="connsiteY4" fmla="*/ 4930911 h 5143500"/>
              <a:gd name="connsiteX5" fmla="*/ 4186160 w 4572000"/>
              <a:gd name="connsiteY5" fmla="*/ 4955720 h 5143500"/>
              <a:gd name="connsiteX6" fmla="*/ 4180437 w 4572000"/>
              <a:gd name="connsiteY6" fmla="*/ 4955720 h 5143500"/>
              <a:gd name="connsiteX7" fmla="*/ 4180437 w 4572000"/>
              <a:gd name="connsiteY7" fmla="*/ 4908607 h 5143500"/>
              <a:gd name="connsiteX8" fmla="*/ 4186160 w 4572000"/>
              <a:gd name="connsiteY8" fmla="*/ 4908488 h 5143500"/>
              <a:gd name="connsiteX9" fmla="*/ 3738569 w 4572000"/>
              <a:gd name="connsiteY9" fmla="*/ 4908488 h 5143500"/>
              <a:gd name="connsiteX10" fmla="*/ 3763835 w 4572000"/>
              <a:gd name="connsiteY10" fmla="*/ 4930911 h 5143500"/>
              <a:gd name="connsiteX11" fmla="*/ 3738569 w 4572000"/>
              <a:gd name="connsiteY11" fmla="*/ 4955720 h 5143500"/>
              <a:gd name="connsiteX12" fmla="*/ 3732847 w 4572000"/>
              <a:gd name="connsiteY12" fmla="*/ 4955720 h 5143500"/>
              <a:gd name="connsiteX13" fmla="*/ 3732847 w 4572000"/>
              <a:gd name="connsiteY13" fmla="*/ 4908607 h 5143500"/>
              <a:gd name="connsiteX14" fmla="*/ 3738569 w 4572000"/>
              <a:gd name="connsiteY14" fmla="*/ 4908488 h 5143500"/>
              <a:gd name="connsiteX15" fmla="*/ 4084630 w 4572000"/>
              <a:gd name="connsiteY15" fmla="*/ 4889411 h 5143500"/>
              <a:gd name="connsiteX16" fmla="*/ 4084630 w 4572000"/>
              <a:gd name="connsiteY16" fmla="*/ 5003417 h 5143500"/>
              <a:gd name="connsiteX17" fmla="*/ 4119430 w 4572000"/>
              <a:gd name="connsiteY17" fmla="*/ 5003417 h 5143500"/>
              <a:gd name="connsiteX18" fmla="*/ 4119430 w 4572000"/>
              <a:gd name="connsiteY18" fmla="*/ 4889411 h 5143500"/>
              <a:gd name="connsiteX19" fmla="*/ 4004070 w 4572000"/>
              <a:gd name="connsiteY19" fmla="*/ 4889411 h 5143500"/>
              <a:gd name="connsiteX20" fmla="*/ 4004070 w 4572000"/>
              <a:gd name="connsiteY20" fmla="*/ 5003417 h 5143500"/>
              <a:gd name="connsiteX21" fmla="*/ 4066988 w 4572000"/>
              <a:gd name="connsiteY21" fmla="*/ 5003417 h 5143500"/>
              <a:gd name="connsiteX22" fmla="*/ 4072235 w 4572000"/>
              <a:gd name="connsiteY22" fmla="*/ 4980519 h 5143500"/>
              <a:gd name="connsiteX23" fmla="*/ 4038870 w 4572000"/>
              <a:gd name="connsiteY23" fmla="*/ 4980519 h 5143500"/>
              <a:gd name="connsiteX24" fmla="*/ 4038870 w 4572000"/>
              <a:gd name="connsiteY24" fmla="*/ 4889411 h 5143500"/>
              <a:gd name="connsiteX25" fmla="*/ 3943538 w 4572000"/>
              <a:gd name="connsiteY25" fmla="*/ 4889411 h 5143500"/>
              <a:gd name="connsiteX26" fmla="*/ 3943538 w 4572000"/>
              <a:gd name="connsiteY26" fmla="*/ 5003417 h 5143500"/>
              <a:gd name="connsiteX27" fmla="*/ 3978338 w 4572000"/>
              <a:gd name="connsiteY27" fmla="*/ 5003417 h 5143500"/>
              <a:gd name="connsiteX28" fmla="*/ 3978338 w 4572000"/>
              <a:gd name="connsiteY28" fmla="*/ 4889411 h 5143500"/>
              <a:gd name="connsiteX29" fmla="*/ 3811972 w 4572000"/>
              <a:gd name="connsiteY29" fmla="*/ 4889411 h 5143500"/>
              <a:gd name="connsiteX30" fmla="*/ 3811972 w 4572000"/>
              <a:gd name="connsiteY30" fmla="*/ 5003417 h 5143500"/>
              <a:gd name="connsiteX31" fmla="*/ 3846771 w 4572000"/>
              <a:gd name="connsiteY31" fmla="*/ 5003417 h 5143500"/>
              <a:gd name="connsiteX32" fmla="*/ 3846771 w 4572000"/>
              <a:gd name="connsiteY32" fmla="*/ 4958581 h 5143500"/>
              <a:gd name="connsiteX33" fmla="*/ 3882997 w 4572000"/>
              <a:gd name="connsiteY33" fmla="*/ 4958581 h 5143500"/>
              <a:gd name="connsiteX34" fmla="*/ 3882997 w 4572000"/>
              <a:gd name="connsiteY34" fmla="*/ 5003417 h 5143500"/>
              <a:gd name="connsiteX35" fmla="*/ 3917797 w 4572000"/>
              <a:gd name="connsiteY35" fmla="*/ 5003417 h 5143500"/>
              <a:gd name="connsiteX36" fmla="*/ 3917797 w 4572000"/>
              <a:gd name="connsiteY36" fmla="*/ 4889411 h 5143500"/>
              <a:gd name="connsiteX37" fmla="*/ 3882997 w 4572000"/>
              <a:gd name="connsiteY37" fmla="*/ 4889411 h 5143500"/>
              <a:gd name="connsiteX38" fmla="*/ 3882997 w 4572000"/>
              <a:gd name="connsiteY38" fmla="*/ 4934732 h 5143500"/>
              <a:gd name="connsiteX39" fmla="*/ 3846771 w 4572000"/>
              <a:gd name="connsiteY39" fmla="*/ 4934732 h 5143500"/>
              <a:gd name="connsiteX40" fmla="*/ 3846771 w 4572000"/>
              <a:gd name="connsiteY40" fmla="*/ 4889411 h 5143500"/>
              <a:gd name="connsiteX41" fmla="*/ 4188061 w 4572000"/>
              <a:gd name="connsiteY41" fmla="*/ 4887025 h 5143500"/>
              <a:gd name="connsiteX42" fmla="*/ 4145637 w 4572000"/>
              <a:gd name="connsiteY42" fmla="*/ 4889411 h 5143500"/>
              <a:gd name="connsiteX43" fmla="*/ 4145637 w 4572000"/>
              <a:gd name="connsiteY43" fmla="*/ 5003417 h 5143500"/>
              <a:gd name="connsiteX44" fmla="*/ 4180437 w 4572000"/>
              <a:gd name="connsiteY44" fmla="*/ 5003417 h 5143500"/>
              <a:gd name="connsiteX45" fmla="*/ 4180437 w 4572000"/>
              <a:gd name="connsiteY45" fmla="*/ 4976223 h 5143500"/>
              <a:gd name="connsiteX46" fmla="*/ 4192833 w 4572000"/>
              <a:gd name="connsiteY46" fmla="*/ 4976223 h 5143500"/>
              <a:gd name="connsiteX47" fmla="*/ 4192833 w 4572000"/>
              <a:gd name="connsiteY47" fmla="*/ 4976232 h 5143500"/>
              <a:gd name="connsiteX48" fmla="*/ 4245741 w 4572000"/>
              <a:gd name="connsiteY48" fmla="*/ 4930436 h 5143500"/>
              <a:gd name="connsiteX49" fmla="*/ 4188061 w 4572000"/>
              <a:gd name="connsiteY49" fmla="*/ 4887025 h 5143500"/>
              <a:gd name="connsiteX50" fmla="*/ 3740480 w 4572000"/>
              <a:gd name="connsiteY50" fmla="*/ 4887025 h 5143500"/>
              <a:gd name="connsiteX51" fmla="*/ 3698056 w 4572000"/>
              <a:gd name="connsiteY51" fmla="*/ 4889411 h 5143500"/>
              <a:gd name="connsiteX52" fmla="*/ 3698056 w 4572000"/>
              <a:gd name="connsiteY52" fmla="*/ 5003417 h 5143500"/>
              <a:gd name="connsiteX53" fmla="*/ 3732856 w 4572000"/>
              <a:gd name="connsiteY53" fmla="*/ 5003417 h 5143500"/>
              <a:gd name="connsiteX54" fmla="*/ 3732856 w 4572000"/>
              <a:gd name="connsiteY54" fmla="*/ 4976223 h 5143500"/>
              <a:gd name="connsiteX55" fmla="*/ 3745251 w 4572000"/>
              <a:gd name="connsiteY55" fmla="*/ 4976223 h 5143500"/>
              <a:gd name="connsiteX56" fmla="*/ 3745242 w 4572000"/>
              <a:gd name="connsiteY56" fmla="*/ 4976232 h 5143500"/>
              <a:gd name="connsiteX57" fmla="*/ 3798150 w 4572000"/>
              <a:gd name="connsiteY57" fmla="*/ 4930436 h 5143500"/>
              <a:gd name="connsiteX58" fmla="*/ 3740480 w 4572000"/>
              <a:gd name="connsiteY58" fmla="*/ 4887025 h 5143500"/>
              <a:gd name="connsiteX59" fmla="*/ 4303412 w 4572000"/>
              <a:gd name="connsiteY59" fmla="*/ 4887016 h 5143500"/>
              <a:gd name="connsiteX60" fmla="*/ 4256226 w 4572000"/>
              <a:gd name="connsiteY60" fmla="*/ 4921359 h 5143500"/>
              <a:gd name="connsiteX61" fmla="*/ 4310569 w 4572000"/>
              <a:gd name="connsiteY61" fmla="*/ 4971927 h 5143500"/>
              <a:gd name="connsiteX62" fmla="*/ 4292461 w 4572000"/>
              <a:gd name="connsiteY62" fmla="*/ 4982896 h 5143500"/>
              <a:gd name="connsiteX63" fmla="*/ 4252898 w 4572000"/>
              <a:gd name="connsiteY63" fmla="*/ 4973828 h 5143500"/>
              <a:gd name="connsiteX64" fmla="*/ 4256710 w 4572000"/>
              <a:gd name="connsiteY64" fmla="*/ 5000063 h 5143500"/>
              <a:gd name="connsiteX65" fmla="*/ 4292936 w 4572000"/>
              <a:gd name="connsiteY65" fmla="*/ 5005785 h 5143500"/>
              <a:gd name="connsiteX66" fmla="*/ 4345844 w 4572000"/>
              <a:gd name="connsiteY66" fmla="*/ 4967621 h 5143500"/>
              <a:gd name="connsiteX67" fmla="*/ 4299591 w 4572000"/>
              <a:gd name="connsiteY67" fmla="*/ 4928446 h 5143500"/>
              <a:gd name="connsiteX68" fmla="*/ 4291032 w 4572000"/>
              <a:gd name="connsiteY68" fmla="*/ 4918496 h 5143500"/>
              <a:gd name="connsiteX69" fmla="*/ 4295375 w 4572000"/>
              <a:gd name="connsiteY69" fmla="*/ 4911649 h 5143500"/>
              <a:gd name="connsiteX70" fmla="*/ 4307233 w 4572000"/>
              <a:gd name="connsiteY70" fmla="*/ 4909439 h 5143500"/>
              <a:gd name="connsiteX71" fmla="*/ 4338211 w 4572000"/>
              <a:gd name="connsiteY71" fmla="*/ 4915161 h 5143500"/>
              <a:gd name="connsiteX72" fmla="*/ 4335350 w 4572000"/>
              <a:gd name="connsiteY72" fmla="*/ 4890352 h 5143500"/>
              <a:gd name="connsiteX73" fmla="*/ 4303412 w 4572000"/>
              <a:gd name="connsiteY73" fmla="*/ 4887016 h 5143500"/>
              <a:gd name="connsiteX74" fmla="*/ 0 w 4572000"/>
              <a:gd name="connsiteY74" fmla="*/ 0 h 5143500"/>
              <a:gd name="connsiteX75" fmla="*/ 4572000 w 4572000"/>
              <a:gd name="connsiteY75" fmla="*/ 0 h 5143500"/>
              <a:gd name="connsiteX76" fmla="*/ 4572000 w 4572000"/>
              <a:gd name="connsiteY76" fmla="*/ 5143500 h 5143500"/>
              <a:gd name="connsiteX77" fmla="*/ 0 w 4572000"/>
              <a:gd name="connsiteY77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</a:cxnLst>
            <a:rect l="l" t="t" r="r" b="b"/>
            <a:pathLst>
              <a:path w="4572000" h="5143500">
                <a:moveTo>
                  <a:pt x="4291025" y="4918488"/>
                </a:moveTo>
                <a:lnTo>
                  <a:pt x="4291032" y="4918496"/>
                </a:lnTo>
                <a:lnTo>
                  <a:pt x="4291025" y="4918507"/>
                </a:lnTo>
                <a:close/>
                <a:moveTo>
                  <a:pt x="4186160" y="4908488"/>
                </a:moveTo>
                <a:cubicBezTo>
                  <a:pt x="4203317" y="4908488"/>
                  <a:pt x="4211425" y="4916596"/>
                  <a:pt x="4211425" y="4930911"/>
                </a:cubicBezTo>
                <a:cubicBezTo>
                  <a:pt x="4211425" y="4945701"/>
                  <a:pt x="4204277" y="4955720"/>
                  <a:pt x="4186160" y="4955720"/>
                </a:cubicBezTo>
                <a:lnTo>
                  <a:pt x="4180437" y="4955720"/>
                </a:lnTo>
                <a:lnTo>
                  <a:pt x="4180437" y="4908607"/>
                </a:lnTo>
                <a:cubicBezTo>
                  <a:pt x="4182457" y="4908488"/>
                  <a:pt x="4184368" y="4908488"/>
                  <a:pt x="4186160" y="4908488"/>
                </a:cubicBezTo>
                <a:close/>
                <a:moveTo>
                  <a:pt x="3738569" y="4908488"/>
                </a:moveTo>
                <a:cubicBezTo>
                  <a:pt x="3755727" y="4908488"/>
                  <a:pt x="3763835" y="4916596"/>
                  <a:pt x="3763835" y="4930911"/>
                </a:cubicBezTo>
                <a:cubicBezTo>
                  <a:pt x="3763835" y="4945701"/>
                  <a:pt x="3756687" y="4955720"/>
                  <a:pt x="3738569" y="4955720"/>
                </a:cubicBezTo>
                <a:lnTo>
                  <a:pt x="3732847" y="4955720"/>
                </a:lnTo>
                <a:lnTo>
                  <a:pt x="3732847" y="4908607"/>
                </a:lnTo>
                <a:cubicBezTo>
                  <a:pt x="3734876" y="4908488"/>
                  <a:pt x="3736777" y="4908488"/>
                  <a:pt x="3738569" y="4908488"/>
                </a:cubicBezTo>
                <a:close/>
                <a:moveTo>
                  <a:pt x="4084630" y="4889411"/>
                </a:moveTo>
                <a:lnTo>
                  <a:pt x="4084630" y="5003417"/>
                </a:lnTo>
                <a:lnTo>
                  <a:pt x="4119430" y="5003417"/>
                </a:lnTo>
                <a:lnTo>
                  <a:pt x="4119430" y="4889411"/>
                </a:lnTo>
                <a:close/>
                <a:moveTo>
                  <a:pt x="4004070" y="4889411"/>
                </a:moveTo>
                <a:lnTo>
                  <a:pt x="4004070" y="5003417"/>
                </a:lnTo>
                <a:lnTo>
                  <a:pt x="4066988" y="5003417"/>
                </a:lnTo>
                <a:lnTo>
                  <a:pt x="4072235" y="4980519"/>
                </a:lnTo>
                <a:lnTo>
                  <a:pt x="4038870" y="4980519"/>
                </a:lnTo>
                <a:lnTo>
                  <a:pt x="4038870" y="4889411"/>
                </a:lnTo>
                <a:close/>
                <a:moveTo>
                  <a:pt x="3943538" y="4889411"/>
                </a:moveTo>
                <a:lnTo>
                  <a:pt x="3943538" y="5003417"/>
                </a:lnTo>
                <a:lnTo>
                  <a:pt x="3978338" y="5003417"/>
                </a:lnTo>
                <a:lnTo>
                  <a:pt x="3978338" y="4889411"/>
                </a:lnTo>
                <a:close/>
                <a:moveTo>
                  <a:pt x="3811972" y="4889411"/>
                </a:moveTo>
                <a:lnTo>
                  <a:pt x="3811972" y="5003417"/>
                </a:lnTo>
                <a:lnTo>
                  <a:pt x="3846771" y="5003417"/>
                </a:lnTo>
                <a:lnTo>
                  <a:pt x="3846771" y="4958581"/>
                </a:lnTo>
                <a:lnTo>
                  <a:pt x="3882997" y="4958581"/>
                </a:lnTo>
                <a:lnTo>
                  <a:pt x="3882997" y="5003417"/>
                </a:lnTo>
                <a:lnTo>
                  <a:pt x="3917797" y="5003417"/>
                </a:lnTo>
                <a:lnTo>
                  <a:pt x="3917797" y="4889411"/>
                </a:lnTo>
                <a:lnTo>
                  <a:pt x="3882997" y="4889411"/>
                </a:lnTo>
                <a:lnTo>
                  <a:pt x="3882997" y="4934732"/>
                </a:lnTo>
                <a:lnTo>
                  <a:pt x="3846771" y="4934732"/>
                </a:lnTo>
                <a:lnTo>
                  <a:pt x="3846771" y="4889411"/>
                </a:lnTo>
                <a:close/>
                <a:moveTo>
                  <a:pt x="4188061" y="4887025"/>
                </a:moveTo>
                <a:cubicBezTo>
                  <a:pt x="4174240" y="4887025"/>
                  <a:pt x="4157557" y="4887976"/>
                  <a:pt x="4145637" y="4889411"/>
                </a:cubicBezTo>
                <a:lnTo>
                  <a:pt x="4145637" y="5003417"/>
                </a:lnTo>
                <a:lnTo>
                  <a:pt x="4180437" y="5003417"/>
                </a:lnTo>
                <a:lnTo>
                  <a:pt x="4180437" y="4976223"/>
                </a:lnTo>
                <a:lnTo>
                  <a:pt x="4192833" y="4976223"/>
                </a:lnTo>
                <a:lnTo>
                  <a:pt x="4192833" y="4976232"/>
                </a:lnTo>
                <a:cubicBezTo>
                  <a:pt x="4225247" y="4976232"/>
                  <a:pt x="4245741" y="4959541"/>
                  <a:pt x="4245741" y="4930436"/>
                </a:cubicBezTo>
                <a:cubicBezTo>
                  <a:pt x="4245741" y="4898479"/>
                  <a:pt x="4223811" y="4887025"/>
                  <a:pt x="4188061" y="4887025"/>
                </a:cubicBezTo>
                <a:close/>
                <a:moveTo>
                  <a:pt x="3740480" y="4887025"/>
                </a:moveTo>
                <a:cubicBezTo>
                  <a:pt x="3726658" y="4887025"/>
                  <a:pt x="3709976" y="4887976"/>
                  <a:pt x="3698056" y="4889411"/>
                </a:cubicBezTo>
                <a:lnTo>
                  <a:pt x="3698056" y="5003417"/>
                </a:lnTo>
                <a:lnTo>
                  <a:pt x="3732856" y="5003417"/>
                </a:lnTo>
                <a:lnTo>
                  <a:pt x="3732856" y="4976223"/>
                </a:lnTo>
                <a:lnTo>
                  <a:pt x="3745251" y="4976223"/>
                </a:lnTo>
                <a:lnTo>
                  <a:pt x="3745242" y="4976232"/>
                </a:lnTo>
                <a:cubicBezTo>
                  <a:pt x="3777656" y="4976232"/>
                  <a:pt x="3798150" y="4959541"/>
                  <a:pt x="3798150" y="4930436"/>
                </a:cubicBezTo>
                <a:cubicBezTo>
                  <a:pt x="3798159" y="4898470"/>
                  <a:pt x="3776230" y="4887025"/>
                  <a:pt x="3740480" y="4887025"/>
                </a:cubicBezTo>
                <a:close/>
                <a:moveTo>
                  <a:pt x="4303412" y="4887016"/>
                </a:moveTo>
                <a:cubicBezTo>
                  <a:pt x="4275285" y="4887016"/>
                  <a:pt x="4256226" y="4898104"/>
                  <a:pt x="4256226" y="4921359"/>
                </a:cubicBezTo>
                <a:cubicBezTo>
                  <a:pt x="4256226" y="4961433"/>
                  <a:pt x="4310569" y="4953325"/>
                  <a:pt x="4310569" y="4971927"/>
                </a:cubicBezTo>
                <a:cubicBezTo>
                  <a:pt x="4310569" y="4979084"/>
                  <a:pt x="4305322" y="4982896"/>
                  <a:pt x="4292461" y="4982896"/>
                </a:cubicBezTo>
                <a:cubicBezTo>
                  <a:pt x="4281016" y="4982896"/>
                  <a:pt x="4263383" y="4979084"/>
                  <a:pt x="4252898" y="4973828"/>
                </a:cubicBezTo>
                <a:lnTo>
                  <a:pt x="4256710" y="5000063"/>
                </a:lnTo>
                <a:cubicBezTo>
                  <a:pt x="4267195" y="5003884"/>
                  <a:pt x="4281501" y="5005785"/>
                  <a:pt x="4292936" y="5005785"/>
                </a:cubicBezTo>
                <a:cubicBezTo>
                  <a:pt x="4322014" y="5005785"/>
                  <a:pt x="4345844" y="4996242"/>
                  <a:pt x="4345844" y="4967621"/>
                </a:cubicBezTo>
                <a:cubicBezTo>
                  <a:pt x="4345844" y="4938999"/>
                  <a:pt x="4315008" y="4935869"/>
                  <a:pt x="4299591" y="4928446"/>
                </a:cubicBezTo>
                <a:lnTo>
                  <a:pt x="4291032" y="4918496"/>
                </a:lnTo>
                <a:lnTo>
                  <a:pt x="4295375" y="4911649"/>
                </a:lnTo>
                <a:cubicBezTo>
                  <a:pt x="4298176" y="4910157"/>
                  <a:pt x="4302228" y="4909439"/>
                  <a:pt x="4307233" y="4909439"/>
                </a:cubicBezTo>
                <a:cubicBezTo>
                  <a:pt x="4318193" y="4909439"/>
                  <a:pt x="4330113" y="4911825"/>
                  <a:pt x="4338211" y="4915161"/>
                </a:cubicBezTo>
                <a:lnTo>
                  <a:pt x="4335350" y="4890352"/>
                </a:lnTo>
                <a:cubicBezTo>
                  <a:pt x="4326292" y="4888442"/>
                  <a:pt x="4318193" y="4887016"/>
                  <a:pt x="4303412" y="4887016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65000"/>
            </a:schemeClr>
          </a:solidFill>
        </p:spPr>
        <p:txBody>
          <a:bodyPr vert="horz" wrap="square" lIns="0" tIns="0" rIns="0" bIns="576000" spcCol="324000" rtlCol="0" anchor="ctr">
            <a:noAutofit/>
          </a:bodyPr>
          <a:lstStyle>
            <a:lvl1pPr marL="0" indent="0" algn="ctr">
              <a:buNone/>
              <a:defRPr lang="en-US" dirty="0"/>
            </a:lvl1pPr>
          </a:lstStyle>
          <a:p>
            <a:pPr marL="0" lvl="0" indent="0" algn="ctr">
              <a:buNone/>
            </a:pPr>
            <a:r>
              <a:rPr lang="en-US" noProof="0" dirty="0"/>
              <a:t>Click icon to insert photo 419 x 843 px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24E49EA-D788-2D1C-DE2B-0028D74CD9E4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>
          <a:xfrm>
            <a:off x="502919" y="4928616"/>
            <a:ext cx="3657600" cy="9144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588B69E-8B5D-DA78-AE44-FB6C6BDE89EB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476661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image" Target="../media/image2.svg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1528AAF-4F0A-419B-8AAE-5F058B1EDEF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502919" y="4928616"/>
            <a:ext cx="5486400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endParaRPr lang="en-US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5343E1D-8E69-45CA-BB05-A8D2AF3930F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82121" y="4928616"/>
            <a:ext cx="199973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600" b="0" i="0">
                <a:solidFill>
                  <a:schemeClr val="bg1">
                    <a:lumMod val="65000"/>
                  </a:schemeClr>
                </a:solidFill>
                <a:latin typeface="+mn-lt"/>
                <a:cs typeface="Calibri Light" panose="020F0302020204030204" pitchFamily="34" charset="0"/>
              </a:defRPr>
            </a:lvl1pPr>
          </a:lstStyle>
          <a:p>
            <a:fld id="{A5163908-529D-4A49-892F-D37C4044DFD8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9846266C-4ECA-426E-AC3C-9C2166215C9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04824" y="1211263"/>
            <a:ext cx="8132765" cy="3484800"/>
          </a:xfrm>
          <a:prstGeom prst="rect">
            <a:avLst/>
          </a:prstGeom>
        </p:spPr>
        <p:txBody>
          <a:bodyPr vert="horz" lIns="0" tIns="0" rIns="0" bIns="0" spcCol="32400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itle Placeholder 5">
            <a:extLst>
              <a:ext uri="{FF2B5EF4-FFF2-40B4-BE49-F238E27FC236}">
                <a16:creationId xmlns:a16="http://schemas.microsoft.com/office/drawing/2014/main" id="{A0613193-D73A-5A4B-9E3D-2F277B4E033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376239"/>
            <a:ext cx="8132765" cy="719137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noProof="0" dirty="0"/>
              <a:t>Click to edit Master title style</a:t>
            </a:r>
          </a:p>
        </p:txBody>
      </p:sp>
      <p:sp>
        <p:nvSpPr>
          <p:cNvPr id="9" name="Footer Placeholder 4">
            <a:extLst>
              <a:ext uri="{FF2B5EF4-FFF2-40B4-BE49-F238E27FC236}">
                <a16:creationId xmlns:a16="http://schemas.microsoft.com/office/drawing/2014/main" id="{D96BED03-B79E-768B-FF09-7F2F6229ED22}"/>
              </a:ext>
            </a:extLst>
          </p:cNvPr>
          <p:cNvSpPr txBox="1"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6656211" y="4928946"/>
            <a:ext cx="946952" cy="91440"/>
          </a:xfrm>
          <a:prstGeom prst="rect">
            <a:avLst/>
          </a:prstGeom>
        </p:spPr>
        <p:txBody>
          <a:bodyPr vert="horz" lIns="0" tIns="0" rIns="0" bIns="0" rtlCol="0" anchor="t"/>
          <a:lstStyle>
            <a:defPPr>
              <a:defRPr lang="en-US"/>
            </a:defPPr>
            <a:lvl1pPr lvl="0">
              <a:defRPr sz="600" b="0" i="0">
                <a:cs typeface="Calibri Light" panose="020F0302020204030204" pitchFamily="34" charset="0"/>
              </a:defRPr>
            </a:lvl1pPr>
            <a:lvl2pPr marL="457140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278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417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55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5696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2834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19997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112" algn="l" defTabSz="914278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en-US" dirty="0">
                <a:solidFill>
                  <a:schemeClr val="bg1">
                    <a:lumMod val="65000"/>
                  </a:schemeClr>
                </a:solidFill>
                <a:latin typeface="+mj-lt"/>
              </a:rPr>
              <a:t>© Koninklijke Philips N.V.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53356289-1E30-3F0B-BFA0-B9AFF2A1E47D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4">
            <a:extLs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8270056" y="4887026"/>
            <a:ext cx="648099" cy="1188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62345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15" r:id="rId1"/>
    <p:sldLayoutId id="2147483916" r:id="rId2"/>
    <p:sldLayoutId id="2147483920" r:id="rId3"/>
    <p:sldLayoutId id="2147483922" r:id="rId4"/>
    <p:sldLayoutId id="2147483951" r:id="rId5"/>
    <p:sldLayoutId id="2147483937" r:id="rId6"/>
    <p:sldLayoutId id="2147483925" r:id="rId7"/>
    <p:sldLayoutId id="2147483926" r:id="rId8"/>
    <p:sldLayoutId id="2147483927" r:id="rId9"/>
    <p:sldLayoutId id="2147483928" r:id="rId10"/>
    <p:sldLayoutId id="2147483958" r:id="rId11"/>
    <p:sldLayoutId id="2147483929" r:id="rId12"/>
    <p:sldLayoutId id="2147483930" r:id="rId13"/>
    <p:sldLayoutId id="2147483931" r:id="rId14"/>
    <p:sldLayoutId id="2147483932" r:id="rId15"/>
    <p:sldLayoutId id="2147483959" r:id="rId16"/>
    <p:sldLayoutId id="2147483936" r:id="rId17"/>
    <p:sldLayoutId id="2147483952" r:id="rId18"/>
    <p:sldLayoutId id="2147483961" r:id="rId19"/>
    <p:sldLayoutId id="2147483940" r:id="rId20"/>
    <p:sldLayoutId id="2147483962" r:id="rId21"/>
    <p:sldLayoutId id="2147483954" r:id="rId22"/>
    <p:sldLayoutId id="2147483934" r:id="rId23"/>
    <p:sldLayoutId id="2147483933" r:id="rId24"/>
    <p:sldLayoutId id="2147483935" r:id="rId25"/>
    <p:sldLayoutId id="2147483953" r:id="rId26"/>
    <p:sldLayoutId id="2147483960" r:id="rId27"/>
    <p:sldLayoutId id="2147483955" r:id="rId28"/>
    <p:sldLayoutId id="2147483956" r:id="rId29"/>
    <p:sldLayoutId id="2147483957" r:id="rId30"/>
    <p:sldLayoutId id="2147483948" r:id="rId31"/>
    <p:sldLayoutId id="2147483950" r:id="rId32"/>
  </p:sldLayoutIdLst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  <p:hf hdr="0" dt="0"/>
  <p:txStyles>
    <p:titleStyle>
      <a:lvl1pPr algn="l" defTabSz="914354" rtl="0" eaLnBrk="1" latinLnBrk="0" hangingPunct="1">
        <a:lnSpc>
          <a:spcPct val="100000"/>
        </a:lnSpc>
        <a:spcBef>
          <a:spcPct val="0"/>
        </a:spcBef>
        <a:buNone/>
        <a:defRPr lang="en-US" sz="2400" kern="1200" smtClean="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8288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1pPr>
      <a:lvl2pPr marL="36576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2pPr>
      <a:lvl3pPr marL="54864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3pPr>
      <a:lvl4pPr marL="73152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US" sz="1400" b="0" i="0" kern="1200" dirty="0">
          <a:solidFill>
            <a:schemeClr val="tx1"/>
          </a:solidFill>
          <a:latin typeface="+mn-lt"/>
          <a:ea typeface="+mn-ea"/>
          <a:cs typeface="Calibri Light" panose="020F0302020204030204" pitchFamily="34" charset="0"/>
        </a:defRPr>
      </a:lvl4pPr>
      <a:lvl5pPr marL="914400" indent="-182880" algn="l" defTabSz="1836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rgbClr val="000000"/>
        </a:buClr>
        <a:buSzPct val="75000"/>
        <a:buFont typeface="Arial" panose="020B0604020202020204" pitchFamily="34" charset="0"/>
        <a:buChar char="•"/>
        <a:defRPr lang="en-IN" sz="14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2514474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652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3428828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006" indent="-228588" algn="l" defTabSz="914354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3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312" userDrawn="1">
          <p15:clr>
            <a:srgbClr val="A4A3A4"/>
          </p15:clr>
        </p15:guide>
        <p15:guide id="4" orient="horz" pos="178">
          <p15:clr>
            <a:srgbClr val="A4A3A4"/>
          </p15:clr>
        </p15:guide>
        <p15:guide id="7" orient="horz" pos="2958" userDrawn="1">
          <p15:clr>
            <a:srgbClr val="A4A3A4"/>
          </p15:clr>
        </p15:guide>
        <p15:guide id="15" orient="horz" pos="1620" userDrawn="1">
          <p15:clr>
            <a:srgbClr val="F26B43"/>
          </p15:clr>
        </p15:guide>
        <p15:guide id="16" pos="288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1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C54DE7E-8E78-5A57-4587-B41B75890FC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D58E9B0-6712-561B-0EC4-A1BF3E3AC0F7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4BC65FB3-BD76-1031-E478-39E66FD44772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A5927F6D-68F1-A4F1-49C2-F4A3B1CAA350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GB" dirty="0"/>
              <a:t>Q&amp;A templat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989162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22F05DF7-6DCF-481F-5322-08E9F73491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Physician bio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C2F786F-AABB-B83C-2E47-61A24A2D5808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A01A556-1BDB-4DD8-A59A-FE31D3FD182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DB083D8-076F-0D95-0EE2-A56B2F64655D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550763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52A41CC-22CA-F8C8-C595-FC50D37779E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BA4142AC-F730-BC9D-5ABE-E5A2E51BF3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Questions/answer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0E08BAB-EE43-C3F7-BC26-9D7B8B74A78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65C24B-0974-AF37-0AA2-F4C0BC2E20D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3</a:t>
            </a:fld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46EF77E7-FFB2-5201-8AF6-E2499EE2CC54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en-GB" dirty="0"/>
              <a:t>Question</a:t>
            </a:r>
          </a:p>
          <a:p>
            <a:pPr lvl="1"/>
            <a:r>
              <a:rPr lang="en-GB" dirty="0"/>
              <a:t>Answer</a:t>
            </a:r>
          </a:p>
          <a:p>
            <a:pPr lvl="1"/>
            <a:endParaRPr lang="en-GB" dirty="0"/>
          </a:p>
          <a:p>
            <a:r>
              <a:rPr lang="en-GB" dirty="0"/>
              <a:t>Question</a:t>
            </a:r>
          </a:p>
          <a:p>
            <a:pPr lvl="1"/>
            <a:r>
              <a:rPr lang="en-GB" dirty="0"/>
              <a:t>Answer</a:t>
            </a:r>
          </a:p>
          <a:p>
            <a:pPr lvl="1"/>
            <a:endParaRPr lang="en-GB" dirty="0"/>
          </a:p>
          <a:p>
            <a:r>
              <a:rPr lang="en-GB" dirty="0"/>
              <a:t>Question</a:t>
            </a:r>
          </a:p>
          <a:p>
            <a:pPr lvl="1"/>
            <a:r>
              <a:rPr lang="en-GB" dirty="0"/>
              <a:t>Answer</a:t>
            </a:r>
          </a:p>
          <a:p>
            <a:pPr lvl="1"/>
            <a:endParaRPr lang="en-GB" dirty="0"/>
          </a:p>
          <a:p>
            <a:r>
              <a:rPr lang="en-GB" dirty="0"/>
              <a:t>Question</a:t>
            </a:r>
          </a:p>
          <a:p>
            <a:pPr lvl="1"/>
            <a:r>
              <a:rPr lang="en-GB" dirty="0"/>
              <a:t>Answer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F5ACDD04-2263-CC3D-0E21-444CF50B5073}"/>
              </a:ext>
            </a:extLst>
          </p:cNvPr>
          <p:cNvSpPr txBox="1"/>
          <p:nvPr/>
        </p:nvSpPr>
        <p:spPr>
          <a:xfrm>
            <a:off x="5776055" y="3043"/>
            <a:ext cx="3367945" cy="430887"/>
          </a:xfrm>
          <a:prstGeom prst="rect">
            <a:avLst/>
          </a:prstGeom>
          <a:solidFill>
            <a:schemeClr val="accent4"/>
          </a:solidFill>
        </p:spPr>
        <p:txBody>
          <a:bodyPr wrap="square" rtlCol="0">
            <a:spAutoFit/>
          </a:bodyPr>
          <a:lstStyle/>
          <a:p>
            <a:r>
              <a:rPr lang="en-US" sz="1100" dirty="0"/>
              <a:t>This is intended to help you and the physician prepare for a quick recording. Send questions prior to recording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224013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BFC55B4-79C9-BB8B-BB0F-906550668AE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21ECF778-260E-BDC3-3E8D-E7B33F1C05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ummary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126EF34-4035-5EC1-7298-E64B35E1F2FA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502919" y="4928616"/>
            <a:ext cx="5486400" cy="9144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71CBFD9-B0E5-444B-449B-0A919E4565F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82121" y="4928616"/>
            <a:ext cx="199973" cy="91440"/>
          </a:xfrm>
        </p:spPr>
        <p:txBody>
          <a:bodyPr/>
          <a:lstStyle/>
          <a:p>
            <a:fld id="{A5163908-529D-4A49-892F-D37C4044DFD8}" type="slidenum">
              <a:rPr lang="en-US" smtClean="0"/>
              <a:pPr/>
              <a:t>4</a:t>
            </a:fld>
            <a:endParaRPr lang="en-US" dirty="0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CC6786B5-EC0F-E724-FD86-C87FCE786B25}"/>
              </a:ext>
            </a:extLst>
          </p:cNvPr>
          <p:cNvSpPr>
            <a:spLocks noGrp="1"/>
          </p:cNvSpPr>
          <p:nvPr>
            <p:ph sz="quarter" idx="19"/>
          </p:nvPr>
        </p:nvSpPr>
        <p:spPr/>
        <p:txBody>
          <a:bodyPr/>
          <a:lstStyle/>
          <a:p>
            <a:r>
              <a:rPr lang="en-GB" dirty="0"/>
              <a:t>Ask physician to provide a few key points in summary.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469034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:a16="http://schemas.microsoft.com/office/drawing/2014/main" xmlns="">
      <p:transition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19691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00">
        <p:fade/>
      </p:transition>
    </mc:Choice>
    <mc:Fallback xmlns="">
      <p:transition>
        <p:fade/>
      </p:transition>
    </mc:Fallback>
  </mc:AlternateContent>
</p:sld>
</file>

<file path=ppt/theme/theme1.xml><?xml version="1.0" encoding="utf-8"?>
<a:theme xmlns:a="http://schemas.openxmlformats.org/drawingml/2006/main" name="Slide Master Only">
  <a:themeElements>
    <a:clrScheme name="Philips (2024)">
      <a:dk1>
        <a:srgbClr val="000000"/>
      </a:dk1>
      <a:lt1>
        <a:srgbClr val="FFFFFF"/>
      </a:lt1>
      <a:dk2>
        <a:srgbClr val="0B5ED7"/>
      </a:dk2>
      <a:lt2>
        <a:srgbClr val="BDF0FF"/>
      </a:lt2>
      <a:accent1>
        <a:srgbClr val="00126E"/>
      </a:accent1>
      <a:accent2>
        <a:srgbClr val="02DA20"/>
      </a:accent2>
      <a:accent3>
        <a:srgbClr val="F85569"/>
      </a:accent3>
      <a:accent4>
        <a:srgbClr val="FFE050"/>
      </a:accent4>
      <a:accent5>
        <a:srgbClr val="FA8DDC"/>
      </a:accent5>
      <a:accent6>
        <a:srgbClr val="D780FF"/>
      </a:accent6>
      <a:hlink>
        <a:srgbClr val="00619F"/>
      </a:hlink>
      <a:folHlink>
        <a:srgbClr val="00629F"/>
      </a:folHlink>
    </a:clrScheme>
    <a:fontScheme name="Philips (2024)">
      <a:majorFont>
        <a:latin typeface="Calibri Light"/>
        <a:ea typeface="Yu Gothic"/>
        <a:cs typeface=""/>
      </a:majorFont>
      <a:minorFont>
        <a:latin typeface="Calibri"/>
        <a:ea typeface="Yu Gothic"/>
        <a:cs typeface=""/>
      </a:minorFont>
    </a:fontScheme>
    <a:fmtScheme name="Larissa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tx2"/>
        </a:solidFill>
        <a:ln w="25400" cap="flat" cmpd="sng" algn="ctr">
          <a:noFill/>
          <a:prstDash val="solid"/>
        </a:ln>
        <a:effectLst/>
      </a:spPr>
      <a:bodyPr lIns="91440" tIns="45720" rIns="91440" bIns="45720" rtlCol="0" anchor="ctr"/>
      <a:lstStyle>
        <a:defPPr algn="ctr">
          <a:spcAft>
            <a:spcPts val="600"/>
          </a:spcAft>
          <a:defRPr sz="1400" dirty="0" err="1" smtClean="0">
            <a:solidFill>
              <a:schemeClr val="bg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custClrLst>
    <a:custClr name="Light Blue">
      <a:srgbClr val="BDF0FF"/>
    </a:custClr>
    <a:custClr name="Light Aqua">
      <a:srgbClr val="9CF6FB"/>
    </a:custClr>
    <a:custClr name="Light Green">
      <a:srgbClr val="ADFFB5"/>
    </a:custClr>
    <a:custClr name="Light Gold">
      <a:srgbClr val="FCFCC2"/>
    </a:custClr>
    <a:custClr name="Light Coral">
      <a:srgbClr val="FFDEDB"/>
    </a:custClr>
    <a:custClr name="Light Pink">
      <a:srgbClr val="FFE5F9"/>
    </a:custClr>
    <a:custClr name="Light Purple">
      <a:srgbClr val="F1DEFC"/>
    </a:custClr>
    <a:custClr name="White">
      <a:srgbClr val="FFFFFF"/>
    </a:custClr>
    <a:custClr name="White">
      <a:srgbClr val="FFFFFF"/>
    </a:custClr>
    <a:custClr name="White">
      <a:srgbClr val="FFFFFF"/>
    </a:custClr>
    <a:custClr name="Philips Blue">
      <a:srgbClr val="0B5ED7"/>
    </a:custClr>
    <a:custClr name="Aqua">
      <a:srgbClr val="02ABB1"/>
    </a:custClr>
    <a:custClr name="Green">
      <a:srgbClr val="02DA21"/>
    </a:custClr>
    <a:custClr name="Gold">
      <a:srgbClr val="FFE050"/>
    </a:custClr>
    <a:custClr name="Coral">
      <a:srgbClr val="F85569"/>
    </a:custClr>
    <a:custClr name="Pink">
      <a:srgbClr val="FA8DDC"/>
    </a:custClr>
    <a:custClr name="Purple">
      <a:srgbClr val="D780FF"/>
    </a:custClr>
    <a:custClr name="White">
      <a:srgbClr val="FFFFFF"/>
    </a:custClr>
    <a:custClr name="White">
      <a:srgbClr val="FFFFFF"/>
    </a:custClr>
    <a:custClr name="White">
      <a:srgbClr val="FFFFFF"/>
    </a:custClr>
    <a:custClr name="Dark Blue">
      <a:srgbClr val="00126E"/>
    </a:custClr>
    <a:custClr name="Dark Aqua">
      <a:srgbClr val="00666F"/>
    </a:custClr>
    <a:custClr name="Dark Green">
      <a:srgbClr val="008800"/>
    </a:custClr>
    <a:custClr name="Dark Gold">
      <a:srgbClr val="FF820F"/>
    </a:custClr>
    <a:custClr name="Dark Coral">
      <a:srgbClr val="D43F44"/>
    </a:custClr>
    <a:custClr name="Dark Pink">
      <a:srgbClr val="DB0383"/>
    </a:custClr>
    <a:custClr name="Dark Purple">
      <a:srgbClr val="A80DF2"/>
    </a:custClr>
    <a:custClr name="White">
      <a:srgbClr val="FFFFFF"/>
    </a:custClr>
    <a:custClr name="White">
      <a:srgbClr val="FFFFFF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ACTIVE edits_JULY 15 VisID template" id="{6786F5D1-4757-F140-90A2-1887A2078D1A}" vid="{E537A740-66BA-B049-9B06-A6174F937CAD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ADA48BB3-A2F8-5147-98FB-30E02B1C7AEF}">
  <we:reference id="54c7af0c-5b65-49a9-ab86-f2a8a4690127" version="2.0.0.3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975446369264730113","enableDocumentContentUpdater":false,"version":"2.0"}]]></TemplafySlideTemplateConfiguration>
</file>

<file path=customXml/item10.xml><?xml version="1.0" encoding="utf-8"?>
<TemplafySlideTemplateConfiguration><![CDATA[{"slideVersion":1,"isValidatorEnabled":false,"isLocked":false,"elementsMetadata":[],"slideId":"975446369264730114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975446369264730114","enableDocumentContentUpdater":false,"version":"2.0"}]]></TemplafySlideTemplateConfiguration>
</file>

<file path=customXml/item12.xml><?xml version="1.0" encoding="utf-8"?>
<TemplafyTemplateConfiguration><![CDATA[{"elementsMetadata":[],"transformationConfigurations":[],"templateName":"Philips Master Template","templateDescription":"","enableDocumentContentUpdater":false,"version":"2.0"}]]></TemplafyTemplateConfiguration>
</file>

<file path=customXml/item1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4.xml><?xml version="1.0" encoding="utf-8"?>
<TemplafySlideTemplateConfiguration><![CDATA[{"slideVersion":1,"isValidatorEnabled":false,"isLocked":false,"elementsMetadata":[],"slideId":"975446369264730112","enableDocumentContentUpdater":false,"version":"2.0"}]]></TemplafySlideTemplateConfiguration>
</file>

<file path=customXml/item15.xml><?xml version="1.0" encoding="utf-8"?>
<TemplafySlideTemplateConfiguration><![CDATA[{"slideVersion":1,"isValidatorEnabled":false,"isLocked":false,"elementsMetadata":[],"slideId":"975446369264730115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FormConfiguration><![CDATA[{"formFields":[],"formDataEntries":[]}]]></TemplafySlideFormConfiguration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AED8E6AD952BA74A855EB02C79D83CD1" ma:contentTypeVersion="21" ma:contentTypeDescription="Create a new document." ma:contentTypeScope="" ma:versionID="a5d62425357535963d3d0805dd821f3a">
  <xsd:schema xmlns:xsd="http://www.w3.org/2001/XMLSchema" xmlns:xs="http://www.w3.org/2001/XMLSchema" xmlns:p="http://schemas.microsoft.com/office/2006/metadata/properties" xmlns:ns2="2f7262f3-19e3-4c38-834c-996e2cec5b6c" xmlns:ns3="6b2685c3-cb74-402e-89a3-cd359bd59e48" targetNamespace="http://schemas.microsoft.com/office/2006/metadata/properties" ma:root="true" ma:fieldsID="c0c6353d998fc2f0d5f4f356429f6be6" ns2:_="" ns3:_="">
    <xsd:import namespace="2f7262f3-19e3-4c38-834c-996e2cec5b6c"/>
    <xsd:import namespace="6b2685c3-cb74-402e-89a3-cd359bd59e4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Onderwerp" minOccurs="0"/>
                <xsd:element ref="ns2:Behandelaar" minOccurs="0"/>
                <xsd:element ref="ns3:SharedWithUsers" minOccurs="0"/>
                <xsd:element ref="ns3:SharedWithDetail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Location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f7262f3-19e3-4c38-834c-996e2cec5b6c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Onderwerp" ma:index="17" nillable="true" ma:displayName="Onderwerp" ma:format="Dropdown" ma:internalName="Onderwerp">
      <xsd:simpleType>
        <xsd:restriction base="dms:Note">
          <xsd:maxLength value="255"/>
        </xsd:restriction>
      </xsd:simpleType>
    </xsd:element>
    <xsd:element name="Behandelaar" ma:index="18" nillable="true" ma:displayName="Behandelaar" ma:format="Dropdown" ma:internalName="Behandelaar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abf9d911-60e3-4694-aed6-bc66dbc4cb50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Location" ma:index="25" nillable="true" ma:displayName="Location" ma:description="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27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b2685c3-cb74-402e-89a3-cd359bd59e48" elementFormDefault="qualified">
    <xsd:import namespace="http://schemas.microsoft.com/office/2006/documentManagement/types"/>
    <xsd:import namespace="http://schemas.microsoft.com/office/infopath/2007/PartnerControls"/>
    <xsd:element name="SharedWithUsers" ma:index="19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0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8d5de34-ad4f-44a5-8d4b-69f89eec7447}" ma:internalName="TaxCatchAll" ma:showField="CatchAllData" ma:web="6b2685c3-cb74-402e-89a3-cd359bd59e48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6b2685c3-cb74-402e-89a3-cd359bd59e48">
      <UserInfo>
        <DisplayName>Amico, Mario</DisplayName>
        <AccountId>9</AccountId>
        <AccountType/>
      </UserInfo>
      <UserInfo>
        <DisplayName>Szurley, Andrew</DisplayName>
        <AccountId>20</AccountId>
        <AccountType/>
      </UserInfo>
      <UserInfo>
        <DisplayName>Baranyi, Katalin</DisplayName>
        <AccountId>234</AccountId>
        <AccountType/>
      </UserInfo>
    </SharedWithUsers>
    <TaxCatchAll xmlns="6b2685c3-cb74-402e-89a3-cd359bd59e48" xsi:nil="true"/>
    <lcf76f155ced4ddcb4097134ff3c332f xmlns="2f7262f3-19e3-4c38-834c-996e2cec5b6c">
      <Terms xmlns="http://schemas.microsoft.com/office/infopath/2007/PartnerControls"/>
    </lcf76f155ced4ddcb4097134ff3c332f>
    <Behandelaar xmlns="2f7262f3-19e3-4c38-834c-996e2cec5b6c" xsi:nil="true"/>
    <Onderwerp xmlns="2f7262f3-19e3-4c38-834c-996e2cec5b6c" xsi:nil="true"/>
  </documentManagement>
</p:properties>
</file>

<file path=customXml/item4.xml><?xml version="1.0" encoding="utf-8"?>
<TemplafySlideTemplateConfiguration><![CDATA[{"slideVersion":1,"isValidatorEnabled":false,"isLocked":false,"elementsMetadata":[],"slideId":"975446369264730114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98756B07-09A8-41C0-BCFE-BF9CE3A83E99}">
  <ds:schemaRefs/>
</ds:datastoreItem>
</file>

<file path=customXml/itemProps10.xml><?xml version="1.0" encoding="utf-8"?>
<ds:datastoreItem xmlns:ds="http://schemas.openxmlformats.org/officeDocument/2006/customXml" ds:itemID="{FFEEB8E0-5F82-4D36-92C0-F740945B9192}">
  <ds:schemaRefs/>
</ds:datastoreItem>
</file>

<file path=customXml/itemProps11.xml><?xml version="1.0" encoding="utf-8"?>
<ds:datastoreItem xmlns:ds="http://schemas.openxmlformats.org/officeDocument/2006/customXml" ds:itemID="{D0ABF49F-2AC3-4358-8841-F4098F8518CD}">
  <ds:schemaRefs/>
</ds:datastoreItem>
</file>

<file path=customXml/itemProps12.xml><?xml version="1.0" encoding="utf-8"?>
<ds:datastoreItem xmlns:ds="http://schemas.openxmlformats.org/officeDocument/2006/customXml" ds:itemID="{BFBCB3F7-860C-40CC-8532-A042390E68D6}">
  <ds:schemaRefs/>
</ds:datastoreItem>
</file>

<file path=customXml/itemProps13.xml><?xml version="1.0" encoding="utf-8"?>
<ds:datastoreItem xmlns:ds="http://schemas.openxmlformats.org/officeDocument/2006/customXml" ds:itemID="{02D352A2-7C85-4751-A466-2DA9F1503391}">
  <ds:schemaRefs>
    <ds:schemaRef ds:uri="http://schemas.microsoft.com/sharepoint/v3/contenttype/forms"/>
  </ds:schemaRefs>
</ds:datastoreItem>
</file>

<file path=customXml/itemProps14.xml><?xml version="1.0" encoding="utf-8"?>
<ds:datastoreItem xmlns:ds="http://schemas.openxmlformats.org/officeDocument/2006/customXml" ds:itemID="{F37F8254-6E33-4CF0-9B16-39C7F36BD8A6}">
  <ds:schemaRefs/>
</ds:datastoreItem>
</file>

<file path=customXml/itemProps15.xml><?xml version="1.0" encoding="utf-8"?>
<ds:datastoreItem xmlns:ds="http://schemas.openxmlformats.org/officeDocument/2006/customXml" ds:itemID="{F78B89AF-2F74-46A8-B70C-AD4E9921C1EC}">
  <ds:schemaRefs/>
</ds:datastoreItem>
</file>

<file path=customXml/itemProps16.xml><?xml version="1.0" encoding="utf-8"?>
<ds:datastoreItem xmlns:ds="http://schemas.openxmlformats.org/officeDocument/2006/customXml" ds:itemID="{0FF0764C-21BC-43BC-B9A4-C8EFD22A9D5C}">
  <ds:schemaRefs/>
</ds:datastoreItem>
</file>

<file path=customXml/itemProps17.xml><?xml version="1.0" encoding="utf-8"?>
<ds:datastoreItem xmlns:ds="http://schemas.openxmlformats.org/officeDocument/2006/customXml" ds:itemID="{CB6C5B8A-2523-4C45-96AD-58F4F0A1A742}">
  <ds:schemaRefs/>
</ds:datastoreItem>
</file>

<file path=customXml/itemProps2.xml><?xml version="1.0" encoding="utf-8"?>
<ds:datastoreItem xmlns:ds="http://schemas.openxmlformats.org/officeDocument/2006/customXml" ds:itemID="{DEB6CD91-B9E0-4A18-9698-8B340BF10E3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f7262f3-19e3-4c38-834c-996e2cec5b6c"/>
    <ds:schemaRef ds:uri="6b2685c3-cb74-402e-89a3-cd359bd59e48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7A01E660-3AD1-447B-BF94-526C6936E99F}">
  <ds:schemaRefs>
    <ds:schemaRef ds:uri="http://schemas.microsoft.com/office/2006/documentManagement/types"/>
    <ds:schemaRef ds:uri="http://purl.org/dc/elements/1.1/"/>
    <ds:schemaRef ds:uri="http://www.w3.org/XML/1998/namespace"/>
    <ds:schemaRef ds:uri="http://purl.org/dc/dcmitype/"/>
    <ds:schemaRef ds:uri="http://purl.org/dc/terms/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6b2685c3-cb74-402e-89a3-cd359bd59e48"/>
    <ds:schemaRef ds:uri="2f7262f3-19e3-4c38-834c-996e2cec5b6c"/>
  </ds:schemaRefs>
</ds:datastoreItem>
</file>

<file path=customXml/itemProps4.xml><?xml version="1.0" encoding="utf-8"?>
<ds:datastoreItem xmlns:ds="http://schemas.openxmlformats.org/officeDocument/2006/customXml" ds:itemID="{91D00BC4-43EF-4297-91F6-F5EF8606EE84}">
  <ds:schemaRefs/>
</ds:datastoreItem>
</file>

<file path=customXml/itemProps5.xml><?xml version="1.0" encoding="utf-8"?>
<ds:datastoreItem xmlns:ds="http://schemas.openxmlformats.org/officeDocument/2006/customXml" ds:itemID="{4C10F895-53C3-44E1-BCAD-2F08FAF08926}">
  <ds:schemaRefs/>
</ds:datastoreItem>
</file>

<file path=customXml/itemProps6.xml><?xml version="1.0" encoding="utf-8"?>
<ds:datastoreItem xmlns:ds="http://schemas.openxmlformats.org/officeDocument/2006/customXml" ds:itemID="{B6A1F1A0-AF63-4794-9191-9E469666120A}">
  <ds:schemaRefs/>
</ds:datastoreItem>
</file>

<file path=customXml/itemProps7.xml><?xml version="1.0" encoding="utf-8"?>
<ds:datastoreItem xmlns:ds="http://schemas.openxmlformats.org/officeDocument/2006/customXml" ds:itemID="{6676BF48-30DD-415D-9938-E95196FAB035}">
  <ds:schemaRefs/>
</ds:datastoreItem>
</file>

<file path=customXml/itemProps8.xml><?xml version="1.0" encoding="utf-8"?>
<ds:datastoreItem xmlns:ds="http://schemas.openxmlformats.org/officeDocument/2006/customXml" ds:itemID="{E26A7BF6-FF42-42E7-A0E0-6352C37C4B19}">
  <ds:schemaRefs/>
</ds:datastoreItem>
</file>

<file path=customXml/itemProps9.xml><?xml version="1.0" encoding="utf-8"?>
<ds:datastoreItem xmlns:ds="http://schemas.openxmlformats.org/officeDocument/2006/customXml" ds:itemID="{758FF650-907C-428F-AD7B-6BA9D849A6C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_Presentation template Jan21</Template>
  <TotalTime>13</TotalTime>
  <Words>53</Words>
  <Application>Microsoft Office PowerPoint</Application>
  <PresentationFormat>On-screen Show (16:9)</PresentationFormat>
  <Paragraphs>20</Paragraphs>
  <Slides>5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9" baseType="lpstr">
      <vt:lpstr>Arial</vt:lpstr>
      <vt:lpstr>Calibri</vt:lpstr>
      <vt:lpstr>Calibri Light</vt:lpstr>
      <vt:lpstr>Slide Master Only</vt:lpstr>
      <vt:lpstr>PowerPoint Presentation</vt:lpstr>
      <vt:lpstr>Physician bio</vt:lpstr>
      <vt:lpstr>Questions/answers</vt:lpstr>
      <vt:lpstr>Summary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>Nicole Westerman</dc:creator>
  <cp:lastModifiedBy>Mary Helen Alvey</cp:lastModifiedBy>
  <cp:revision>4</cp:revision>
  <dcterms:created xsi:type="dcterms:W3CDTF">2024-08-07T15:59:56Z</dcterms:created>
  <dcterms:modified xsi:type="dcterms:W3CDTF">2025-05-22T15:25:0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ContentTypeId">
    <vt:lpwstr>0x010100AED8E6AD952BA74A855EB02C79D83CD1</vt:lpwstr>
  </property>
  <property fmtid="{D5CDD505-2E9C-101B-9397-08002B2CF9AE}" pid="4" name="TemplafyTimeStamp">
    <vt:lpwstr>2024-08-07T07:35:02</vt:lpwstr>
  </property>
  <property fmtid="{D5CDD505-2E9C-101B-9397-08002B2CF9AE}" pid="5" name="TemplafyTenantId">
    <vt:lpwstr>philips</vt:lpwstr>
  </property>
  <property fmtid="{D5CDD505-2E9C-101B-9397-08002B2CF9AE}" pid="6" name="TemplafyTemplateId">
    <vt:lpwstr>975446352732884162</vt:lpwstr>
  </property>
  <property fmtid="{D5CDD505-2E9C-101B-9397-08002B2CF9AE}" pid="7" name="TemplafyUserProfileId">
    <vt:lpwstr>637650427219234962</vt:lpwstr>
  </property>
  <property fmtid="{D5CDD505-2E9C-101B-9397-08002B2CF9AE}" pid="8" name="TemplafyFromBlank">
    <vt:bool>true</vt:bool>
  </property>
</Properties>
</file>